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Default Extension="vml" ContentType="application/vnd.openxmlformats-officedocument.vmlDrawing"/>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trlProps/ctrlProp1.xml" ContentType="application/vnd.ms-excel.controlproperties+xml"/>
  <Override PartName="/xl/ctrlProps/ctrlProp2.xml" ContentType="application/vnd.ms-excel.controlproperties+xml"/>
  <Override PartName="/xl/ctrlProps/ctrlProp3.xml" ContentType="application/vnd.ms-excel.controlproperties+xml"/>
  <Override PartName="/xl/ctrlProps/ctrlProp4.xml" ContentType="application/vnd.ms-excel.controlpropertie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s04\VO_DOC\01. Súťaže\2021\02. Oddelenie VO\01. Prebiehajúce\05. Janka\402_2021 Tampón prešívaný\02. Príprava\03. PTK\00. Pracovná verzia\"/>
    </mc:Choice>
  </mc:AlternateContent>
  <bookViews>
    <workbookView xWindow="-105" yWindow="-105" windowWidth="23250" windowHeight="12570"/>
  </bookViews>
  <sheets>
    <sheet name="Cenová ponuka" sheetId="8" r:id="rId1"/>
  </sheets>
  <definedNames>
    <definedName name="_xlnm.Print_Area" localSheetId="0">'Cenová ponuka'!$A$1:$E$139</definedName>
  </definedNames>
  <calcPr calcId="162913"/>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208" uniqueCount="187">
  <si>
    <t xml:space="preserve">Požadované minimálne technické vlastnosti, parametre a hodnoty predmetu zákazky
</t>
  </si>
  <si>
    <t>ks</t>
  </si>
  <si>
    <t>Bežná dostupnosť</t>
  </si>
  <si>
    <t>Nie bežná dostupnosť</t>
  </si>
  <si>
    <t>1. VŠEOBECNÁ ŠPECIFIKÁCIA PREDMETU ZÁKAZKY</t>
  </si>
  <si>
    <t>3.1 Rozdelenie predmetu zákazky</t>
  </si>
  <si>
    <t xml:space="preserve">akceptujem / neakceptujem </t>
  </si>
  <si>
    <t>Požaduje sa:</t>
  </si>
  <si>
    <t>1.1 Názov predmetu zákazky:</t>
  </si>
  <si>
    <t>1.2 CPV:</t>
  </si>
  <si>
    <t>1.3 Druh:</t>
  </si>
  <si>
    <t>MJ</t>
  </si>
  <si>
    <t>Názov položky predmetu zákazky</t>
  </si>
  <si>
    <t xml:space="preserve">Požadovaný počet MJ za zmluvné obdobie </t>
  </si>
  <si>
    <t>7. PRÍLOHY</t>
  </si>
  <si>
    <t>1.</t>
  </si>
  <si>
    <t>Príloha č. 1</t>
  </si>
  <si>
    <t xml:space="preserve">3.1.a)  Rozdelenie na časti: </t>
  </si>
  <si>
    <t>3.1.b)  Zoznam položiek:</t>
  </si>
  <si>
    <t>3.2 Dostupnosť na trhu:</t>
  </si>
  <si>
    <t>Áno</t>
  </si>
  <si>
    <t>Nie</t>
  </si>
  <si>
    <t>2.  FUNKČNÁ ŠPECIFIKÁCIA PREDMETU ZÁKAZKY</t>
  </si>
  <si>
    <t>3.  ROZDELENIE a DOSTUPNOSŤ PREDMETU ZÁKAZKY</t>
  </si>
  <si>
    <t>4. TECHNICKÁ ŠPECIFIKÁCIA PREDMETU ZÁKAZKY</t>
  </si>
  <si>
    <r>
      <t xml:space="preserve">Uchádzač uvedie informácie, či ním ponúkaný produkt spĺňa, resp. nespĺňa verejným obstarávateľom definované požiadavky na predmet zákazky 
</t>
    </r>
    <r>
      <rPr>
        <sz val="10"/>
        <color theme="1"/>
        <rFont val="Arial"/>
        <family val="2"/>
        <charset val="238"/>
      </rPr>
      <t>(v prípade, ak ponúkaný produkt nespĺňa definované požiadavky uvedie ekvivalentnú hodnotu ním ponúkaného produktu)</t>
    </r>
  </si>
  <si>
    <t xml:space="preserve">spĺňa / nespĺňa </t>
  </si>
  <si>
    <t>hodnota ponúkaného ekvivalentného produktu</t>
  </si>
  <si>
    <r>
      <t xml:space="preserve">Uchádzač uvedie informáciu, či akceptuje resp. neakceptuje verejným obstarávateľom definované zmluvné požiadavky na predmet zákazky
</t>
    </r>
    <r>
      <rPr>
        <sz val="10"/>
        <color theme="1"/>
        <rFont val="Arial"/>
        <family val="2"/>
        <charset val="238"/>
      </rPr>
      <t>(v prípade neakceptovania príslušnej požiadavky uvedie dôvod a ním navrhovanú úpravu)</t>
    </r>
  </si>
  <si>
    <t>dôvod neakceptovania požiadavky a návrh jej úpravy</t>
  </si>
  <si>
    <t>6.1</t>
  </si>
  <si>
    <t>6.2</t>
  </si>
  <si>
    <t>6.3</t>
  </si>
  <si>
    <t>Príloha č. 2</t>
  </si>
  <si>
    <t>Prospektový materiál</t>
  </si>
  <si>
    <t>Kontaktná osoba predkladateľa PTK pre účely overenia si informácií týkajúcich sa technických parametrov ponúkaného produktu:</t>
  </si>
  <si>
    <t>Meno a priezvisko:</t>
  </si>
  <si>
    <t>Pracovná pozícia:</t>
  </si>
  <si>
    <t>Telefónne číslo:</t>
  </si>
  <si>
    <t>E-mail:</t>
  </si>
  <si>
    <t>PREHLÁSENIE</t>
  </si>
  <si>
    <t>V:</t>
  </si>
  <si>
    <t>podpis:</t>
  </si>
  <si>
    <t>Dňa:</t>
  </si>
  <si>
    <t>meno:</t>
  </si>
  <si>
    <t>pracovná pozícia:</t>
  </si>
  <si>
    <t>pečiatka:</t>
  </si>
  <si>
    <t>V súlade s § 25 zákona č. 343/2015 o verejnom obstarávaní za účelom stanovenia požiadaviek (transparentných) na predmet zákazky a predpokladanej hodnoty zákazky.</t>
  </si>
  <si>
    <t>5. MINIMÁLNE OSOBITNÉ ZMLUVNÉ POŽIADAVKY NA PREDMET ZÁKAZKY</t>
  </si>
  <si>
    <t>Účel prípravnej trhovej konzultácie</t>
  </si>
  <si>
    <t>Sídlo:</t>
  </si>
  <si>
    <t>Týmto prehlasujem, že v PTK nami uvedený/é tovar/y v plnom rozsahu spĺňajú funkčnú špecifikáciu (t.j. účel použitia) predmetu zákazky. Zároveň prehlasujem, že v prípade, ak verejný obstarávateľ vyhlási zákazku na uvedený predmet zákazky v súlade s nami ponúkanými hodnotami uvedeného/ných tovaru/ov nie sú nám známe žiadne okolnosti, ktoré by nám bránili v účasti v predmetnej zákazky.</t>
  </si>
  <si>
    <t>Dodávateľ:</t>
  </si>
  <si>
    <t>V súlade s § 25 zákona o VO za účelom prijatia primeraných opatrení, aby sa účasťou záujemcov, uchádzačov alebo hospodárskych subjektov v príslušnej prípravnej trhovej konzultácií nenarušila hospodárska súťaž, poskytne verejný obstarávateľ všetky informácie súvisiace s prípravnou trhovou konzultáciou, vrátane informácií, ktoré z účasti  záujemcov, uchádzačov alebo hospodárskych subjektov so vzťahom k záujemcovi alebo uchádzačovi vyplynuli každému, kto o to požiada.</t>
  </si>
  <si>
    <t xml:space="preserve">6. MINIMÁLNE OSOBITNÉ POŽIADAVKY NA PREDMET ZÁKAZKY A DOKLADY </t>
  </si>
  <si>
    <r>
      <t xml:space="preserve">Uchádzač uvedie informácie, či akceptuje resp. neakceptuje verejným obstarávateľom definované minimálne osobitné požiadavky na predmet zákazky a doklady 
</t>
    </r>
    <r>
      <rPr>
        <sz val="10"/>
        <color theme="1"/>
        <rFont val="Arial"/>
        <family val="2"/>
        <charset val="238"/>
      </rPr>
      <t>(v prípade neakceptovania príslušnej požiadavky uvedie dôvod a ním navrhovanú úpravu)</t>
    </r>
  </si>
  <si>
    <r>
      <rPr>
        <b/>
        <sz val="10"/>
        <color theme="1"/>
        <rFont val="Arial"/>
        <family val="2"/>
        <charset val="238"/>
      </rPr>
      <t>Potvrdenie ŠÚKL</t>
    </r>
    <r>
      <rPr>
        <sz val="10"/>
        <color theme="1"/>
        <rFont val="Arial"/>
        <family val="2"/>
        <charset val="238"/>
      </rPr>
      <t xml:space="preserve"> (výstup z databázy registrovaných/evidovaných zdravotníckych pomôcok), resp. iné doklady, ktoré nahrádzajú požadované potvrdenie. </t>
    </r>
  </si>
  <si>
    <t xml:space="preserve">Prospektový materiál </t>
  </si>
  <si>
    <r>
      <rPr>
        <b/>
        <sz val="10"/>
        <color theme="1"/>
        <rFont val="Arial"/>
        <family val="2"/>
        <charset val="238"/>
      </rPr>
      <t>Doklad s názvom ES vyhlásenie o zhode</t>
    </r>
    <r>
      <rPr>
        <sz val="10"/>
        <color theme="1"/>
        <rFont val="Arial"/>
        <family val="2"/>
        <charset val="238"/>
      </rPr>
      <t xml:space="preserve"> a podklady k nemu, resp. iné doklady, ktoré nahrádzajú požadované potvrdenie</t>
    </r>
  </si>
  <si>
    <t>2.</t>
  </si>
  <si>
    <t>3.</t>
  </si>
  <si>
    <t>4.</t>
  </si>
  <si>
    <t>5.</t>
  </si>
  <si>
    <t>6.</t>
  </si>
  <si>
    <t>7.</t>
  </si>
  <si>
    <t>8.</t>
  </si>
  <si>
    <t>9.</t>
  </si>
  <si>
    <t xml:space="preserve">Požadované minimálne osobitné požiadavky na predmet zákazky:
</t>
  </si>
  <si>
    <t>P.č.</t>
  </si>
  <si>
    <t>Položka č.1</t>
  </si>
  <si>
    <t>3.1</t>
  </si>
  <si>
    <t>3.2</t>
  </si>
  <si>
    <t>3.3</t>
  </si>
  <si>
    <t>3.4</t>
  </si>
  <si>
    <t>3.5</t>
  </si>
  <si>
    <t>10.</t>
  </si>
  <si>
    <t>11.</t>
  </si>
  <si>
    <t>12.</t>
  </si>
  <si>
    <t>12.1.</t>
  </si>
  <si>
    <t>13.</t>
  </si>
  <si>
    <t>14.</t>
  </si>
  <si>
    <t>15.</t>
  </si>
  <si>
    <t>16.</t>
  </si>
  <si>
    <t>17.</t>
  </si>
  <si>
    <t>18.</t>
  </si>
  <si>
    <t>19.</t>
  </si>
  <si>
    <t>20.</t>
  </si>
  <si>
    <t>21.</t>
  </si>
  <si>
    <t>22.</t>
  </si>
  <si>
    <t>Tampón prešívaný</t>
  </si>
  <si>
    <t>33140000-3 - Zdravotnícky spotrebný materiál</t>
  </si>
  <si>
    <t>33141115-9 - Zdravotnícke tampóny</t>
  </si>
  <si>
    <t>60000000-8 - Dopravné služby (bez prepravy odpadu)</t>
  </si>
  <si>
    <t>Tovar</t>
  </si>
  <si>
    <t>spotrebný zdravotnícky materiál
používa sa na absorbciu telesných tekutín pri operačných zákrokoch
nevyhnutná súčasť pri operáciách</t>
  </si>
  <si>
    <t>Položka č.2</t>
  </si>
  <si>
    <t>Tampón prešívaný, typ 1</t>
  </si>
  <si>
    <t>Tampón prešívaný, typ 2</t>
  </si>
  <si>
    <t>1.1</t>
  </si>
  <si>
    <t>materiál: 100% bavlna</t>
  </si>
  <si>
    <t>1.2</t>
  </si>
  <si>
    <t>zhotovené z vysokobielenej gázy: 17 - 20 nití/cm2</t>
  </si>
  <si>
    <t>1.3</t>
  </si>
  <si>
    <t>pozostáva zo 4 vrstiev</t>
  </si>
  <si>
    <t>1.4</t>
  </si>
  <si>
    <t>predpraný</t>
  </si>
  <si>
    <t>1.5</t>
  </si>
  <si>
    <t>vysoko savý</t>
  </si>
  <si>
    <t>1.6</t>
  </si>
  <si>
    <t>rozmer: 45 x 45 cm, tolerancia ± 2 mm</t>
  </si>
  <si>
    <t>1.7</t>
  </si>
  <si>
    <t>všitá RTG tkanica na strane obvodu</t>
  </si>
  <si>
    <t>1.7.1</t>
  </si>
  <si>
    <t>dĺžka všitej časti RTG tkanice: min. 11 cm - max. 13 cm</t>
  </si>
  <si>
    <t>1.7.2</t>
  </si>
  <si>
    <t>dĺžka voľnej časti tkanice: min. 13 cm - max. 15 cm</t>
  </si>
  <si>
    <t>1.8</t>
  </si>
  <si>
    <t>založené vnútorné okraje</t>
  </si>
  <si>
    <t>1.9</t>
  </si>
  <si>
    <t>prešitie bez strapkania po obvode aj vodorovne</t>
  </si>
  <si>
    <t>1.10</t>
  </si>
  <si>
    <t>nesmie zanechávať žmolky v operačnej rane</t>
  </si>
  <si>
    <t>1.11</t>
  </si>
  <si>
    <t>balenie: sterilné po 5 ks v dvojobale s peel efektom pre správne otvorenie obalu</t>
  </si>
  <si>
    <t>1.12</t>
  </si>
  <si>
    <t>balenie musí obsahovať lepiacu etiketu na dokumentáciu, ktorá obsahuje:</t>
  </si>
  <si>
    <t>a.)</t>
  </si>
  <si>
    <t>názov produktu</t>
  </si>
  <si>
    <t>b.)</t>
  </si>
  <si>
    <t>počet</t>
  </si>
  <si>
    <t>c.)</t>
  </si>
  <si>
    <t>expiráciu</t>
  </si>
  <si>
    <t>d.)</t>
  </si>
  <si>
    <t>čiarový kód</t>
  </si>
  <si>
    <t>1.13</t>
  </si>
  <si>
    <t>určené na použitie v zdravotníckom zariadení</t>
  </si>
  <si>
    <t>Položka č. 1 - Tampón prešívaný, typ 1</t>
  </si>
  <si>
    <t>Položka č. 2 - Tampón prešívaný, typ 2</t>
  </si>
  <si>
    <t>2.1</t>
  </si>
  <si>
    <t>2.2</t>
  </si>
  <si>
    <t>zhotovené z vysokobielenej gázy:17 - 20 nití/cm2</t>
  </si>
  <si>
    <t>2.3</t>
  </si>
  <si>
    <t>2.4</t>
  </si>
  <si>
    <t>2.5</t>
  </si>
  <si>
    <t>2.6</t>
  </si>
  <si>
    <t>2.7</t>
  </si>
  <si>
    <t>2.7.1</t>
  </si>
  <si>
    <t>dĺžka všitej časti RTG tkanice: min. 10 cm - max. 12 cm</t>
  </si>
  <si>
    <t>2.8</t>
  </si>
  <si>
    <t>2.9</t>
  </si>
  <si>
    <t>2.10</t>
  </si>
  <si>
    <t>2.11</t>
  </si>
  <si>
    <t>2.12</t>
  </si>
  <si>
    <t>2.13</t>
  </si>
  <si>
    <t>rozmer: 28 x 32 cm, tolerancia ± 2 mm</t>
  </si>
  <si>
    <t>6.4</t>
  </si>
  <si>
    <t>balenie : sterilné po min. 5 ks a max. 10 ks v dvojobale s peel efektom 
pre správne otvorenie obalu</t>
  </si>
  <si>
    <r>
      <rPr>
        <b/>
        <sz val="10"/>
        <color theme="1"/>
        <rFont val="Arial"/>
        <family val="2"/>
        <charset val="238"/>
      </rPr>
      <t>Funkčné vzorky</t>
    </r>
    <r>
      <rPr>
        <sz val="10"/>
        <color theme="1"/>
        <rFont val="Arial"/>
        <family val="2"/>
        <charset val="238"/>
      </rPr>
      <t xml:space="preserve"> v počte 3 ks pre každú položku, ktorú uvedie objednávateľ 
vo Výzve na predloženie vzoriek. Dodávateľ predkladá vzorky až na základe 
e-mailovej výzvy objednávateľa. Objednávateľ si v rámci kontroly splnenia osobitných požiadaviek vyhradzuje právo vyžiadať doručenie vzoriek za účelom ich testovania v plnej prevádzke objednávateľa. </t>
    </r>
  </si>
  <si>
    <t xml:space="preserve">Uzatvorenie rámcovej dohody na dohodnuté zmluvné obdobie dvanásť (12) kalendárnych mesiacov, resp. do doby naplnenia zmluvného finančného objemu podľa toho, ktorá z uvedených skutočností nastane skôr. </t>
  </si>
  <si>
    <t xml:space="preserve">Požaduje sa poskytovanie plnenia vo viacerých ucelených častiach, a to na základe písomných čiastkových výziev (ďalej len "objednávka") objednávateľa s periodicitou a v minimálnych objemoch podľa jeho aktuálnych prevádzkových potrieb. </t>
  </si>
  <si>
    <t>Požaduje sa dodanie tovaru:</t>
  </si>
  <si>
    <t>do štyridsiatich ôsmich (48) hodín od doručenia písomnej objednávky dodávateľovi,</t>
  </si>
  <si>
    <t>v pracovných dňoch (do termínu sa nezapočítavajú dni pracovného voľna, pracovného pokoja a štátne sviatky),</t>
  </si>
  <si>
    <t>v čase od 07:00 hod. do 15:00 hod.,</t>
  </si>
  <si>
    <t>na dohodnuté miesto plnenia a zodpovednej osobe objednávateľa (podrobnosti o mieste plnenia a zodpovednej osobe objednávateľa budú dodávateľovi upresnené bezprostredne po nadobudnutí účinnosti rámcovej dohody),</t>
  </si>
  <si>
    <t>s dodacím listom, ktorý musí obsahovať okrem povinných náležitostí aj číslo objednávky, číslo rámcovej dohody, ŠÚKL kód (ak je to relevantné), kód MZ SR (ak je to relevantné), jednotkovú cenu príslušnej položky bez DPH, s DPH, sadzbu DPH, celkovú cenu príslušnej položky bez DPH, s DPH.
V prípade, ak je dodávaný tovar z krajiny EÚ (okrem SR), je dodávateľ povinný uviesť v dodacom liste, okrem náležitostí uvedených v predchádzajúcej vete, aj:
- kód tovaru podľa aktuálne platného colného sadzobníka,
- údaj o krajine pôvodu tovaru (t.j. krajina kde bol tovar vyrobený).</t>
  </si>
  <si>
    <t>V prípade, ak dodávateľ doručí objednávateľovi tovar v kvalite a/alebo v množstve nezodpovedajúcom požiadavkám objednávateľa, je objednávateľ oprávnený v lehote do troch (3) pracovných dní od dodania tovaru požiadať dodávateľa o dodanie tovaru zodpovedajúceho jeho požiadavkám. Dodávateľ je povinný nahradiť reklamovaný tovar tovarom v kvalite a v množstve zodpovedajúcom požiadavkám objednávateľa, a to v lehote najneskôr do desiatich (10) pracovných dní odo dňa oznámenia požiadavky objednávateľa podľa predchádzajúcej vety.
Všetky vzniknuté náklady spojené s oprávnenou reklamáciou objednávateľa znáša v plnom rozsahu dodávateľ (napr. doprava).</t>
  </si>
  <si>
    <t xml:space="preserve">Požaduje sa v zmysle § 340b ods. 5 zákona č. 513/1991 Z.z. Obchodného zákonníka v znení neskorších predpisov splatnosť faktúry v lehote šesťdesiatich (60) kalendárnych dní odo dňa jej doručenia objednávateľovi. </t>
  </si>
  <si>
    <t>Dodávateľ je povinný k faktúre vždy priložiť kópiu objednávky objednávateľa ako povinnú prílohu faktúry. Dodávateľ je rovnako povinný k faktúre priložiť kópiu dodacieho listu ako jej povinnú prílohu, okrem prípadov, kedy je faktúra doručená zároveň s dodacím listom.</t>
  </si>
  <si>
    <t>Dodávateľ je povinný vystaviť faktúru za dodaný tovar v súlade s ustanovením §73 zákona č. 222/2004 Z. z. o dani z pridanej hodnoty v znení neskorších predpisov (ďalej len „zákon o DPH“), najneskôr však do piateho (5) pracovného dňa v mesiaci, nasledujúcom po mesiaci, v ktorom došlo k dodaniu tovaru podľa uzatvorenej rámcovej dohody.</t>
  </si>
  <si>
    <t>Požaduje sa akceptovať, že platba za plnenie sa realizuje výlučne bezhotovostným platobným stykom na základe faktúry doručenej dodávateľom, a to vždy za riadne a včas poskytnuté plnenie. Objednávateľ je povinný zaslať faktúru elektronicky na e-mailovú adresu: szm@vusch.sk . Za deň splnenia peňažného záväzku sa považuje deň odpísania dlžnej sumy z účtu kupujúceho v prospech účtu predávajúceho.</t>
  </si>
  <si>
    <t>Požaduje sa, aby dodávateľom poskytovaný predmet plnenia bol (v prípade ak je to relevantné), v súlade s:
a) aktuálnym Cenovým opatrením MZ SR, ktorým sa ustanovuje rozsah regulácie cien v oblasti zdravotníctva,
b) zákonom č. 363/2011 Z.z. o rozsahu a podmienkach úhrady liekov, zdravotníckych pomôcok a dietetických potravín na základe verejného zdravotného poistenia a o zmene a doplnení niektorých zákonov,
c) s aktuálne platným Zoznamom liekov s úradne určenou cenou, ďalej len "legislatívna zmena ceny",
d) s aktuálne platným Zoznamom kategorizovaných špeciálnych zdravotníckych materiálov,
e) aktuálne platným Zoznamom kategorizovaných špeciálnych zdravotníckych materiálov s maximálnou výškou úhrady Všeobecnej zdravotnej poisťovne a.s., DOVERA zdravotná poisťovňa, a.s. a Union zdravotná poisťovňa, a.s.,
f) aktuálne platným Zoznamom nekategorizovaných špeciálnych zdravotníckych materiálov s maximálnou výškou úhrady Všeobecnej zdravotnej poisťovne a.s., DOVERA zdravotná poisťovňa, a.s. a Union zdravotná poisťovňa, a.s., ďalej len "zoznamom zdravotnej poisťovne".</t>
  </si>
  <si>
    <t>V prípade, ak zmluvná cena bude vyššia ako je maximálna cena úhrady zdravotnej poisťovne uvedená v zozname zdravotnej poisťovne, je dodávateľ povinný, najneskôr však do piatich (5) kalendárnych dní od účinnosti zmeny, objednávateľa o tejto zmene informovať a predložiť mu návrh ďalšieho postupu vo veci úpravy zmluvnej ceny (napr. návrh na uzavretie dodatku, predmetom ktorého bude zníženie zmluvnej
ceny a pod.). V prípade, ak sa zmluvné strany podľa predchádzajúcej vety nedohodnú na spoločnom návrhu ďalšieho postupu, objednávateľ si vyhradzuje právo na odstúpenie od rámcovej dohody.</t>
  </si>
  <si>
    <t>Požaduje sa, aby v prípade ak sa úspešným dodávateľom po elektronickej aukcii stane:
- dodávateľ, ktorý je alebo bol dodávateľom predmetu zákazky pre objednávateľa a ak jeho konečná jednotková cena za MJ bez DPH je vyššia ako súčasne aktuálna alebo predtým platná jednotková cena za MJ bez DPH, za ktorú objednávateľ nakupuje alebo nakupoval od dodávateľa pred vyhlásením tejto súťaže,
alebo
- dodávateľ, ktorý objednávateľovi predložil aktuálnu cenovú ponuku pred vyhlásením tejto súťaže a jeho konečná jednotková cena za MJ bez DPH je vyššia ako cena ktorú predložil v aktuálnej cenovej ponuke pred vyhlásením tejto súťaže,
tak:
objednávateľ vyzve úspešného dodávateľa na podanie vysvetlenia k uvedenému a ak po prehodnotení písomného zdôvodnenia objednávateľ:
9.1 uzná navýšenie konečnej jednotkovej ceny za MJ bez DPH príslušnej položky predmetu zákazky, zašle dodávateľovi oznámenie, v ktorom potvrdí oprávnenie ním ponúknutej ceny.
9.2 neuzná navýšenie konečnej jednotkovej ceny za MJ bez DPH príslušnej položky predmetu zákazky, vyhradzuje si právo odstúpiť od uzavretej rámcovej dohody.</t>
  </si>
  <si>
    <t>V prípade, ak sa po uzatvorení  rámcovej dohody preukáže, že na relevantnom trhu existuje cena (ďalej tiež ako "nižšia cena") za rovnaké alebo porovnateľné plnenie ako bude obsiahnuté v rámcovej dohode a dodávateľ už preukázateľne v minulosti za takúto nižšiu cenu plnenie poskytol, resp. ešte stále poskytuje, pričom rozdiel medzi nižšou cenou a cenou podľa rámcovej dohody bude viac ako 5% v neprospech ceny podľa rámcovej dohody, zaväzuje sa dodávateľ poskytnúť objednávateľovi pre takéto plnenie objednané po preukázaní tejto skutočnosti dodatočnú zľavu vo výške rozdielu medzi ním poskytovanou cenou podľa uzatvorenej rámcovej dohody a nižšou cenou.</t>
  </si>
  <si>
    <r>
      <t>Dodávateľ je povinný bezodkladne, najneskôr však do piatich (5) pracovných dní od preukázania skutočnosti uvedenej v predchádzajúcej vete, doručiť objednávateľovi dodatok, predmetom ktorého bude upravená cena zistená</t>
    </r>
    <r>
      <rPr>
        <sz val="10"/>
        <color rgb="FFFF0000"/>
        <rFont val="Arial"/>
        <family val="2"/>
        <charset val="238"/>
      </rPr>
      <t xml:space="preserve"> </t>
    </r>
    <r>
      <rPr>
        <sz val="10"/>
        <rFont val="Arial"/>
        <family val="2"/>
        <charset val="238"/>
      </rPr>
      <t>podľa bodu 12.</t>
    </r>
    <r>
      <rPr>
        <sz val="10"/>
        <color rgb="FFFF0000"/>
        <rFont val="Arial"/>
        <family val="2"/>
        <charset val="238"/>
      </rPr>
      <t xml:space="preserve"> </t>
    </r>
    <r>
      <rPr>
        <sz val="10"/>
        <rFont val="Arial"/>
        <family val="2"/>
        <charset val="238"/>
      </rPr>
      <t>týchto zmluvných podmienok.</t>
    </r>
  </si>
  <si>
    <t>V prípade, ak sa po uzatvorení rámcovej dohody preukáže, že na relevantnom trhu existuje nižšia cena za rovnaké alebo porovnateľné plnenie ako je obsiahnuté v tejto rámcovej dohode od akéhokoľvek dodávateľa (t.j. viac ako 5% v neprospech ceny podľa tejto rámcovej dohody), objednávateľ po preukázaní tejto skutočnosti vyzve dodávateľa k rokovaniu o ďalšom postupe vo veci úpravy zmluvnej ceny (napr. návrh na uzavretie dodatku, predmetom ktorého bude zníženie zmluvnej ceny a pod.). V prípade, ak sa zmluvné strany podľa predchádzajúcej vety nedohodnú na spoločnom návrhu ďalšieho postupu, objednávateľ si vyhradzuje právo zmluvu vypovedať s výpovednou dobou jeden (1) kalendárny mesiac. Výpovedná doba začína plynúť od prvého dňa kalendárneho mesiaca nasledujúceho po doručení výpovede a skončí sa uplynutím posledného kalendárneho dňa príslušného mesiaca.</t>
  </si>
  <si>
    <t>Požaduje sa, aby dodávateľ počas trvania zmluvného vzťahu informoval objednávateľa o každej zmene (písomne, bezodkladne najneskôr do piatich (5) pracovných dní odo dňa účinnosti zmeny, predložením kópie dokladov, ktorými preukáže oprávnenosť vykonaných zmien):
- údajov týkajúcich sa tovaru (napr. zaradenie/vyradenie tovaru do/zo Zoznamu kategorizovaných ŠZM, zmena ŠÚKL kódu, zmena názvu tovaru a pod.),
- ceny vyvolanej zmenou jednotlivých regulačných cenových predpisov a zoznamov.</t>
  </si>
  <si>
    <t>Požaduje sa, aby dodávateľ v čase predloženia ponuky a zároveň počas trvania rámcovej dohody bol oprávnený na poskytnutie plnenia predmetu zákazky.</t>
  </si>
  <si>
    <t>Požaduje sa možnosť uplatnenia si náhrady škody u dodávateľa vo výške vzniknutých finančných nákladov a/alebo možnosť vrátenia nespotrebovanej časti tovaru v prípade nedodržania požiadaviek uvedených v bodoch 10. - 15. týchto zmluvných podmienok.</t>
  </si>
  <si>
    <t>Požaduje sa, aby dodávateľ akceptoval, že objednávateľ si vyhradzuje právo na ukončenie zmluvného vzťahu výpoveďou v lehote siedmich (7) pracovných dní od doručenia výpovede a to z nasledovného dôvodu:
- objednávateľ v čase trvania rámcovej dohody pristúpi k uzatvoreniu zmluvy na rovnaký predmet zákazky, ktorá je výsledkom nadlimitnej verejnej súťaže.</t>
  </si>
  <si>
    <t>Zmluvné strany sa dohodli, že pohľadávky, ktoré vzniknú dodávateľovi z tohto zmluvného vzťahu, dodávateľ nie je oprávnený postúpiť tretím osobám bez predchádzajúceho súhlasu objednávateľa. Postúpenie pohľadávok bez predchádzajúceho súhlasu objednávateľa je neplatné. Súhlas objednávateľa je platný len za podmienky, že bol na takýto úkon udelený predchádzajúci písomný súhlas Ministerstva zdravotníctva SR.</t>
  </si>
  <si>
    <t>Zmluvné strany sa dohodli, že sú zbavené zodpovednosti za čiastočné alebo úplné neplnenie zmluvných povinností podľa tohto zmluvného vzťahu v prípade, že toto neplnenie je v dôsledku okolností vylučujúcich zodpovednosť. Pre účely tohto zmlúvného vzťahu sa za okolnosti vylučujúce zodpovednosť považujú prípady, ktoré nie sú závislé, ani ich nemôžu ovplyvnisť zmluvné strany, a to najmä podľa ústavného zákona č. 227/2002 Z. z. o bezpečnosti štátu v čase vojny, vojnového stavu, výnimočného stavu a núdzového stavu. Tá zmluvná strana, ktorá sa odvolá na okolnosti vylučujúce zodpovednosť, je povinná to oznámiť druhej zmluvnej strane najneskôr do 5 (piatich) kalendárnych dní od vzniku tejto skutočnosti a môže požiadať o prípadnú úpravu podmienok rámcovej dohody. Na požiadanie zmluvnej strany, ktorej boli avizované okolnosti vylučujúce zodpovednosť, je povinný oznamovateľ predložiť hodnoverný dôkaz. Ak nedôjde k dohode, má zmluvná strana, ktorá sa odvolala na okolnosti vylučujúce zodpovednosť, právo odstúpiť od uzatvorenej rámcovej dohody. Účinky odstúpenia nastanú dňom doručenia oznámenia druhej zmluvnej strane.</t>
  </si>
  <si>
    <t>Osobné údaje dotknutých osôb, ktoré sú súčasťou tohto procesu verejného obstarávania, sú spracúvané verejným obstarávateľom na vopred vymedzený účel v súlade s Nariadením Európskeho parlamentu a Rady (EÚ) 2016/679 o ochrane fyzických osôb pri spracúvaní osobných údajov a o voľnom pohybe takýchto údajov a zákona NR SR č. 18/2018 Z. z. o ochrane osobných údajov a o zmene a doplnení niektorých zákonov. Bližšie informácie sú uvedené na webovom sídle verejného obstarávateľa.</t>
  </si>
  <si>
    <t>Dodávateľ je povinný podľa nariadenia Európskeho parlamentu a Rady (EÚ) 2016/679 o ochrane fyzických osôb pri spracúvaní osobných údajov a o voľnom pohybe takýchto údajov, ktorým sa zrušuje smernica 95/46/ES (všeobecné nariadenie o ochrane údajov) dodržiavať mlčanlivosť o osobných údajoch, ako aj o všetkých skutočnostiach o ktorých sa dozvedel pri vykonávaní činností vyplývajúcich z uzatvorenej rámcovej dohody. Zároveň je povinný o tejto povinnosti preukázateľne poučiť aj svojich zamestnancov. Povinnosť zachovávať mlčanlivosť platí aj po skončení trvania rámcovej dohody. V opačnom prípade objednávateľovi zodpovedá za škodu, ktorá objednávateľovi vznikla porušením tejto povinnosti.</t>
  </si>
  <si>
    <t>Záujemca/Uchádzač/Člen skupiny dodávateľov sa zaväzuje dodržiavať etické zásady uvedené v Etickom kódexe záujemcu/uchádzača/člena skupiny dodávateľov vo verejnom obstarávaní spoločnosti Východoslovenský ústav srdcových a cievnych chorôb, a. s. (ďalej len "Etický kódex") zverejnený na webovom sídle objednávateľa/kupujúceho www.vusch.sk.</t>
  </si>
  <si>
    <t xml:space="preserve">Kalkulácia ceny a návrh na plnenie kritéria na vyhodnotenie ponúk - Štruktúrovaný rozpočet ceny predmetu zákazky </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16" x14ac:knownFonts="1">
    <font>
      <sz val="11"/>
      <color theme="1"/>
      <name val="Calibri"/>
      <family val="2"/>
      <charset val="238"/>
      <scheme val="minor"/>
    </font>
    <font>
      <sz val="11"/>
      <color theme="1"/>
      <name val="Calibri"/>
      <family val="2"/>
      <charset val="238"/>
      <scheme val="minor"/>
    </font>
    <font>
      <sz val="10"/>
      <color theme="1"/>
      <name val="Arial"/>
      <family val="2"/>
      <charset val="238"/>
    </font>
    <font>
      <b/>
      <sz val="10"/>
      <color theme="1"/>
      <name val="Arial"/>
      <family val="2"/>
      <charset val="238"/>
    </font>
    <font>
      <sz val="10"/>
      <name val="Arial"/>
      <family val="2"/>
      <charset val="238"/>
    </font>
    <font>
      <b/>
      <sz val="10"/>
      <name val="Arial"/>
      <family val="2"/>
      <charset val="238"/>
    </font>
    <font>
      <b/>
      <sz val="9"/>
      <name val="Arial"/>
      <family val="2"/>
      <charset val="238"/>
    </font>
    <font>
      <sz val="9"/>
      <color theme="1"/>
      <name val="Arial"/>
      <family val="2"/>
      <charset val="238"/>
    </font>
    <font>
      <b/>
      <sz val="11"/>
      <color theme="1"/>
      <name val="Calibri"/>
      <family val="2"/>
      <charset val="238"/>
      <scheme val="minor"/>
    </font>
    <font>
      <b/>
      <sz val="10"/>
      <color rgb="FFFF0000"/>
      <name val="Arial"/>
      <family val="2"/>
      <charset val="238"/>
    </font>
    <font>
      <sz val="10"/>
      <color rgb="FFFF0000"/>
      <name val="Arial"/>
      <family val="2"/>
      <charset val="238"/>
    </font>
    <font>
      <b/>
      <sz val="9"/>
      <color theme="1"/>
      <name val="Arial"/>
      <family val="2"/>
      <charset val="238"/>
    </font>
    <font>
      <sz val="11"/>
      <color theme="1"/>
      <name val="Times New Roman"/>
      <family val="1"/>
      <charset val="238"/>
    </font>
    <font>
      <sz val="11"/>
      <name val="Calibri"/>
      <family val="2"/>
      <charset val="238"/>
      <scheme val="minor"/>
    </font>
    <font>
      <sz val="10"/>
      <color rgb="FF000000"/>
      <name val="Arial"/>
      <family val="2"/>
      <charset val="238"/>
    </font>
    <font>
      <b/>
      <i/>
      <sz val="10"/>
      <name val="Arial"/>
      <family val="2"/>
      <charset val="238"/>
    </font>
  </fonts>
  <fills count="6">
    <fill>
      <patternFill patternType="none"/>
    </fill>
    <fill>
      <patternFill patternType="gray125"/>
    </fill>
    <fill>
      <patternFill patternType="solid">
        <fgColor theme="7" tint="0.79998168889431442"/>
        <bgColor indexed="64"/>
      </patternFill>
    </fill>
    <fill>
      <patternFill patternType="solid">
        <fgColor theme="2"/>
        <bgColor indexed="64"/>
      </patternFill>
    </fill>
    <fill>
      <patternFill patternType="solid">
        <fgColor theme="4" tint="0.59999389629810485"/>
        <bgColor indexed="64"/>
      </patternFill>
    </fill>
    <fill>
      <patternFill patternType="solid">
        <fgColor theme="0" tint="-4.9989318521683403E-2"/>
        <bgColor indexed="64"/>
      </patternFill>
    </fill>
  </fills>
  <borders count="44">
    <border>
      <left/>
      <right/>
      <top/>
      <bottom/>
      <diagonal/>
    </border>
    <border>
      <left style="medium">
        <color auto="1"/>
      </left>
      <right/>
      <top style="medium">
        <color auto="1"/>
      </top>
      <bottom/>
      <diagonal/>
    </border>
    <border>
      <left/>
      <right style="medium">
        <color auto="1"/>
      </right>
      <top style="medium">
        <color auto="1"/>
      </top>
      <bottom/>
      <diagonal/>
    </border>
    <border>
      <left/>
      <right/>
      <top/>
      <bottom style="medium">
        <color auto="1"/>
      </bottom>
      <diagonal/>
    </border>
    <border>
      <left style="dotted">
        <color auto="1"/>
      </left>
      <right style="medium">
        <color auto="1"/>
      </right>
      <top style="dotted">
        <color auto="1"/>
      </top>
      <bottom style="medium">
        <color auto="1"/>
      </bottom>
      <diagonal/>
    </border>
    <border>
      <left style="thin">
        <color auto="1"/>
      </left>
      <right/>
      <top style="thin">
        <color auto="1"/>
      </top>
      <bottom style="thin">
        <color auto="1"/>
      </bottom>
      <diagonal/>
    </border>
    <border>
      <left/>
      <right style="thin">
        <color auto="1"/>
      </right>
      <top style="thin">
        <color auto="1"/>
      </top>
      <bottom style="thin">
        <color auto="1"/>
      </bottom>
      <diagonal/>
    </border>
    <border>
      <left/>
      <right/>
      <top/>
      <bottom style="dotted">
        <color auto="1"/>
      </bottom>
      <diagonal/>
    </border>
    <border>
      <left style="medium">
        <color auto="1"/>
      </left>
      <right style="thin">
        <color auto="1"/>
      </right>
      <top style="dotted">
        <color auto="1"/>
      </top>
      <bottom style="dotted">
        <color auto="1"/>
      </bottom>
      <diagonal/>
    </border>
    <border>
      <left style="medium">
        <color auto="1"/>
      </left>
      <right style="thin">
        <color auto="1"/>
      </right>
      <top style="thin">
        <color auto="1"/>
      </top>
      <bottom style="thin">
        <color auto="1"/>
      </bottom>
      <diagonal/>
    </border>
    <border>
      <left style="thin">
        <color auto="1"/>
      </left>
      <right style="medium">
        <color indexed="64"/>
      </right>
      <top style="thin">
        <color auto="1"/>
      </top>
      <bottom style="thin">
        <color auto="1"/>
      </bottom>
      <diagonal/>
    </border>
    <border>
      <left style="medium">
        <color auto="1"/>
      </left>
      <right/>
      <top style="medium">
        <color auto="1"/>
      </top>
      <bottom style="thin">
        <color auto="1"/>
      </bottom>
      <diagonal/>
    </border>
    <border>
      <left/>
      <right style="medium">
        <color auto="1"/>
      </right>
      <top style="medium">
        <color auto="1"/>
      </top>
      <bottom style="thin">
        <color auto="1"/>
      </bottom>
      <diagonal/>
    </border>
    <border>
      <left style="thin">
        <color auto="1"/>
      </left>
      <right style="thin">
        <color auto="1"/>
      </right>
      <top style="thin">
        <color auto="1"/>
      </top>
      <bottom style="thin">
        <color auto="1"/>
      </bottom>
      <diagonal/>
    </border>
    <border>
      <left style="medium">
        <color auto="1"/>
      </left>
      <right/>
      <top/>
      <bottom style="medium">
        <color auto="1"/>
      </bottom>
      <diagonal/>
    </border>
    <border>
      <left/>
      <right/>
      <top style="medium">
        <color auto="1"/>
      </top>
      <bottom style="thin">
        <color auto="1"/>
      </bottom>
      <diagonal/>
    </border>
    <border>
      <left/>
      <right/>
      <top style="medium">
        <color auto="1"/>
      </top>
      <bottom/>
      <diagonal/>
    </border>
    <border>
      <left style="thin">
        <color auto="1"/>
      </left>
      <right/>
      <top style="medium">
        <color auto="1"/>
      </top>
      <bottom/>
      <diagonal/>
    </border>
    <border>
      <left style="thin">
        <color auto="1"/>
      </left>
      <right style="dotted">
        <color auto="1"/>
      </right>
      <top style="dotted">
        <color auto="1"/>
      </top>
      <bottom style="medium">
        <color auto="1"/>
      </bottom>
      <diagonal/>
    </border>
    <border>
      <left style="dotted">
        <color auto="1"/>
      </left>
      <right/>
      <top style="dotted">
        <color auto="1"/>
      </top>
      <bottom style="medium">
        <color auto="1"/>
      </bottom>
      <diagonal/>
    </border>
    <border>
      <left/>
      <right style="medium">
        <color auto="1"/>
      </right>
      <top style="dotted">
        <color auto="1"/>
      </top>
      <bottom style="medium">
        <color auto="1"/>
      </bottom>
      <diagonal/>
    </border>
    <border>
      <left style="thin">
        <color auto="1"/>
      </left>
      <right style="dotted">
        <color auto="1"/>
      </right>
      <top style="dotted">
        <color auto="1"/>
      </top>
      <bottom style="dotted">
        <color auto="1"/>
      </bottom>
      <diagonal/>
    </border>
    <border>
      <left style="dotted">
        <color auto="1"/>
      </left>
      <right style="dotted">
        <color auto="1"/>
      </right>
      <top style="dotted">
        <color auto="1"/>
      </top>
      <bottom style="medium">
        <color auto="1"/>
      </bottom>
      <diagonal/>
    </border>
    <border>
      <left style="dotted">
        <color auto="1"/>
      </left>
      <right style="dotted">
        <color auto="1"/>
      </right>
      <top style="dotted">
        <color auto="1"/>
      </top>
      <bottom style="dotted">
        <color auto="1"/>
      </bottom>
      <diagonal/>
    </border>
    <border>
      <left/>
      <right/>
      <top style="dotted">
        <color auto="1"/>
      </top>
      <bottom/>
      <diagonal/>
    </border>
    <border>
      <left style="thin">
        <color indexed="64"/>
      </left>
      <right style="medium">
        <color auto="1"/>
      </right>
      <top style="thin">
        <color indexed="64"/>
      </top>
      <bottom style="medium">
        <color auto="1"/>
      </bottom>
      <diagonal/>
    </border>
    <border>
      <left style="dotted">
        <color auto="1"/>
      </left>
      <right style="dotted">
        <color auto="1"/>
      </right>
      <top style="medium">
        <color auto="1"/>
      </top>
      <bottom style="dotted">
        <color auto="1"/>
      </bottom>
      <diagonal/>
    </border>
    <border>
      <left style="dotted">
        <color auto="1"/>
      </left>
      <right style="medium">
        <color auto="1"/>
      </right>
      <top style="medium">
        <color auto="1"/>
      </top>
      <bottom style="dotted">
        <color auto="1"/>
      </bottom>
      <diagonal/>
    </border>
    <border>
      <left style="dotted">
        <color auto="1"/>
      </left>
      <right style="medium">
        <color auto="1"/>
      </right>
      <top style="dotted">
        <color auto="1"/>
      </top>
      <bottom style="dotted">
        <color auto="1"/>
      </bottom>
      <diagonal/>
    </border>
    <border>
      <left style="thin">
        <color auto="1"/>
      </left>
      <right/>
      <top style="dotted">
        <color indexed="64"/>
      </top>
      <bottom style="dotted">
        <color indexed="64"/>
      </bottom>
      <diagonal/>
    </border>
    <border>
      <left style="thin">
        <color auto="1"/>
      </left>
      <right/>
      <top style="medium">
        <color auto="1"/>
      </top>
      <bottom style="dotted">
        <color indexed="64"/>
      </bottom>
      <diagonal/>
    </border>
    <border>
      <left style="thin">
        <color auto="1"/>
      </left>
      <right style="thin">
        <color auto="1"/>
      </right>
      <top style="dotted">
        <color auto="1"/>
      </top>
      <bottom style="dotted">
        <color auto="1"/>
      </bottom>
      <diagonal/>
    </border>
    <border>
      <left style="medium">
        <color indexed="64"/>
      </left>
      <right style="thin">
        <color auto="1"/>
      </right>
      <top style="medium">
        <color indexed="64"/>
      </top>
      <bottom style="thin">
        <color auto="1"/>
      </bottom>
      <diagonal/>
    </border>
    <border>
      <left style="thin">
        <color indexed="64"/>
      </left>
      <right style="thin">
        <color indexed="64"/>
      </right>
      <top style="medium">
        <color indexed="64"/>
      </top>
      <bottom style="thin">
        <color indexed="64"/>
      </bottom>
      <diagonal/>
    </border>
    <border>
      <left style="thin">
        <color auto="1"/>
      </left>
      <right style="medium">
        <color indexed="64"/>
      </right>
      <top style="medium">
        <color indexed="64"/>
      </top>
      <bottom style="thin">
        <color auto="1"/>
      </bottom>
      <diagonal/>
    </border>
    <border>
      <left/>
      <right style="medium">
        <color indexed="64"/>
      </right>
      <top style="thin">
        <color auto="1"/>
      </top>
      <bottom style="thin">
        <color auto="1"/>
      </bottom>
      <diagonal/>
    </border>
    <border>
      <left style="medium">
        <color auto="1"/>
      </left>
      <right style="thin">
        <color auto="1"/>
      </right>
      <top style="thin">
        <color auto="1"/>
      </top>
      <bottom/>
      <diagonal/>
    </border>
    <border>
      <left style="thin">
        <color auto="1"/>
      </left>
      <right style="thin">
        <color auto="1"/>
      </right>
      <top style="thin">
        <color auto="1"/>
      </top>
      <bottom/>
      <diagonal/>
    </border>
    <border>
      <left style="thin">
        <color indexed="64"/>
      </left>
      <right style="thin">
        <color indexed="64"/>
      </right>
      <top style="thin">
        <color indexed="64"/>
      </top>
      <bottom style="medium">
        <color auto="1"/>
      </bottom>
      <diagonal/>
    </border>
    <border>
      <left style="thin">
        <color auto="1"/>
      </left>
      <right style="thin">
        <color auto="1"/>
      </right>
      <top style="dotted">
        <color auto="1"/>
      </top>
      <bottom style="thin">
        <color indexed="64"/>
      </bottom>
      <diagonal/>
    </border>
    <border>
      <left style="medium">
        <color indexed="64"/>
      </left>
      <right style="thin">
        <color auto="1"/>
      </right>
      <top style="medium">
        <color indexed="64"/>
      </top>
      <bottom style="dotted">
        <color auto="1"/>
      </bottom>
      <diagonal/>
    </border>
    <border>
      <left style="thin">
        <color auto="1"/>
      </left>
      <right style="dotted">
        <color auto="1"/>
      </right>
      <top style="medium">
        <color indexed="64"/>
      </top>
      <bottom style="dotted">
        <color auto="1"/>
      </bottom>
      <diagonal/>
    </border>
    <border>
      <left style="medium">
        <color indexed="64"/>
      </left>
      <right style="thin">
        <color auto="1"/>
      </right>
      <top style="dotted">
        <color auto="1"/>
      </top>
      <bottom style="medium">
        <color indexed="64"/>
      </bottom>
      <diagonal/>
    </border>
    <border>
      <left style="medium">
        <color auto="1"/>
      </left>
      <right/>
      <top style="thin">
        <color auto="1"/>
      </top>
      <bottom style="medium">
        <color auto="1"/>
      </bottom>
      <diagonal/>
    </border>
  </borders>
  <cellStyleXfs count="6">
    <xf numFmtId="0" fontId="0" fillId="0" borderId="0"/>
    <xf numFmtId="0" fontId="4" fillId="0" borderId="0"/>
    <xf numFmtId="0" fontId="4" fillId="0" borderId="0"/>
    <xf numFmtId="0" fontId="1" fillId="0" borderId="0"/>
    <xf numFmtId="0" fontId="4" fillId="0" borderId="0"/>
    <xf numFmtId="0" fontId="1" fillId="0" borderId="0"/>
  </cellStyleXfs>
  <cellXfs count="148">
    <xf numFmtId="0" fontId="0" fillId="0" borderId="0" xfId="0"/>
    <xf numFmtId="0" fontId="2" fillId="0" borderId="0" xfId="0" applyFont="1" applyAlignment="1">
      <alignment wrapText="1"/>
    </xf>
    <xf numFmtId="0" fontId="2" fillId="0" borderId="0" xfId="0" applyFont="1" applyAlignment="1">
      <alignment vertical="center" wrapText="1"/>
    </xf>
    <xf numFmtId="0" fontId="2" fillId="0" borderId="0" xfId="0" applyFont="1" applyAlignment="1">
      <alignment vertical="top" wrapText="1"/>
    </xf>
    <xf numFmtId="0" fontId="2" fillId="0" borderId="0" xfId="0" applyFont="1" applyAlignment="1">
      <alignment vertical="center"/>
    </xf>
    <xf numFmtId="49" fontId="5" fillId="0" borderId="0" xfId="1" applyNumberFormat="1" applyFont="1" applyBorder="1" applyAlignment="1">
      <alignment horizontal="left" vertical="top" wrapText="1"/>
    </xf>
    <xf numFmtId="0" fontId="2" fillId="0" borderId="0" xfId="0" applyFont="1" applyAlignment="1">
      <alignment horizontal="center" vertical="center" wrapText="1"/>
    </xf>
    <xf numFmtId="49" fontId="5" fillId="0" borderId="0" xfId="1" applyNumberFormat="1" applyFont="1" applyBorder="1" applyAlignment="1">
      <alignment horizontal="center" vertical="top" wrapText="1"/>
    </xf>
    <xf numFmtId="0" fontId="2" fillId="0" borderId="0" xfId="0" applyFont="1" applyAlignment="1">
      <alignment horizontal="center" wrapText="1"/>
    </xf>
    <xf numFmtId="0" fontId="2" fillId="0" borderId="0" xfId="0" applyFont="1" applyFill="1" applyAlignment="1">
      <alignment vertical="center" wrapText="1"/>
    </xf>
    <xf numFmtId="0" fontId="2" fillId="0" borderId="0" xfId="0" applyFont="1" applyFill="1" applyAlignment="1">
      <alignment wrapText="1"/>
    </xf>
    <xf numFmtId="49" fontId="7" fillId="0" borderId="0" xfId="5" applyNumberFormat="1" applyFont="1" applyAlignment="1">
      <alignment wrapText="1"/>
    </xf>
    <xf numFmtId="0" fontId="7" fillId="0" borderId="0" xfId="5" applyFont="1" applyAlignment="1">
      <alignment wrapText="1"/>
    </xf>
    <xf numFmtId="49" fontId="2" fillId="0" borderId="8" xfId="0" applyNumberFormat="1" applyFont="1" applyFill="1" applyBorder="1" applyAlignment="1">
      <alignment horizontal="center" vertical="center" wrapText="1"/>
    </xf>
    <xf numFmtId="0" fontId="2" fillId="0" borderId="0" xfId="0" applyFont="1" applyFill="1" applyAlignment="1">
      <alignment horizontal="left" vertical="center" wrapText="1"/>
    </xf>
    <xf numFmtId="49" fontId="3" fillId="0" borderId="0" xfId="0" applyNumberFormat="1" applyFont="1" applyFill="1" applyAlignment="1">
      <alignment horizontal="left" vertical="center" wrapText="1"/>
    </xf>
    <xf numFmtId="16" fontId="5" fillId="0" borderId="0" xfId="0" applyNumberFormat="1" applyFont="1" applyFill="1" applyAlignment="1">
      <alignment horizontal="left" wrapText="1"/>
    </xf>
    <xf numFmtId="0" fontId="2" fillId="0" borderId="0" xfId="0" applyFont="1" applyAlignment="1">
      <alignment horizontal="left" vertical="center" wrapText="1"/>
    </xf>
    <xf numFmtId="0" fontId="2" fillId="0" borderId="13" xfId="0" applyFont="1" applyBorder="1" applyAlignment="1">
      <alignment vertical="center" wrapText="1"/>
    </xf>
    <xf numFmtId="0" fontId="2" fillId="0" borderId="13" xfId="0" applyFont="1" applyFill="1" applyBorder="1" applyAlignment="1">
      <alignment horizontal="center" vertical="center" wrapText="1"/>
    </xf>
    <xf numFmtId="0" fontId="2" fillId="3" borderId="13" xfId="0" applyFont="1" applyFill="1" applyBorder="1" applyAlignment="1">
      <alignment horizontal="left" vertical="top" wrapText="1"/>
    </xf>
    <xf numFmtId="0" fontId="2" fillId="3" borderId="13" xfId="0" applyFont="1" applyFill="1" applyBorder="1" applyAlignment="1">
      <alignment horizontal="center" vertical="top" wrapText="1"/>
    </xf>
    <xf numFmtId="0" fontId="10" fillId="0" borderId="0" xfId="0" applyFont="1" applyAlignment="1">
      <alignment horizontal="center" vertical="top" wrapText="1"/>
    </xf>
    <xf numFmtId="0" fontId="10" fillId="0" borderId="0" xfId="0" applyFont="1" applyAlignment="1">
      <alignment horizontal="left" vertical="top" wrapText="1"/>
    </xf>
    <xf numFmtId="16" fontId="5" fillId="0" borderId="0" xfId="0" applyNumberFormat="1" applyFont="1" applyFill="1" applyAlignment="1">
      <alignment wrapText="1"/>
    </xf>
    <xf numFmtId="16" fontId="9" fillId="0" borderId="0" xfId="0" applyNumberFormat="1" applyFont="1" applyFill="1" applyAlignment="1">
      <alignment wrapText="1"/>
    </xf>
    <xf numFmtId="0" fontId="9" fillId="0" borderId="0" xfId="0" applyFont="1" applyAlignment="1">
      <alignment horizontal="center" vertical="center" wrapText="1"/>
    </xf>
    <xf numFmtId="49" fontId="2" fillId="2" borderId="18" xfId="0" applyNumberFormat="1" applyFont="1" applyFill="1" applyBorder="1" applyAlignment="1">
      <alignment horizontal="center" vertical="center" wrapText="1"/>
    </xf>
    <xf numFmtId="0" fontId="3" fillId="0" borderId="0" xfId="0" applyFont="1" applyAlignment="1">
      <alignment vertical="center"/>
    </xf>
    <xf numFmtId="49" fontId="5" fillId="0" borderId="0" xfId="1" applyNumberFormat="1" applyFont="1" applyBorder="1" applyAlignment="1">
      <alignment horizontal="left" vertical="center" wrapText="1"/>
    </xf>
    <xf numFmtId="0" fontId="7" fillId="0" borderId="0" xfId="5" applyFont="1" applyAlignment="1">
      <alignment horizontal="right" vertical="center" wrapText="1"/>
    </xf>
    <xf numFmtId="0" fontId="10" fillId="0" borderId="0" xfId="0" applyFont="1" applyAlignment="1">
      <alignment vertical="center" wrapText="1"/>
    </xf>
    <xf numFmtId="49" fontId="2" fillId="0" borderId="0" xfId="0" applyNumberFormat="1" applyFont="1" applyFill="1" applyAlignment="1">
      <alignment vertical="center" wrapText="1"/>
    </xf>
    <xf numFmtId="49" fontId="2" fillId="0" borderId="0" xfId="0" applyNumberFormat="1" applyFont="1" applyFill="1" applyAlignment="1">
      <alignment vertical="top" wrapText="1"/>
    </xf>
    <xf numFmtId="0" fontId="7" fillId="0" borderId="0" xfId="0" applyFont="1" applyAlignment="1">
      <alignment horizontal="right" wrapText="1"/>
    </xf>
    <xf numFmtId="0" fontId="7" fillId="0" borderId="0" xfId="0" applyFont="1" applyAlignment="1">
      <alignment horizontal="right"/>
    </xf>
    <xf numFmtId="0" fontId="7" fillId="0" borderId="0" xfId="0" applyFont="1" applyAlignment="1">
      <alignment wrapText="1"/>
    </xf>
    <xf numFmtId="0" fontId="12" fillId="0" borderId="24" xfId="0" applyFont="1" applyBorder="1" applyAlignment="1">
      <alignment wrapText="1"/>
    </xf>
    <xf numFmtId="0" fontId="7" fillId="0" borderId="0" xfId="0" applyFont="1" applyAlignment="1">
      <alignment horizontal="right" vertical="center"/>
    </xf>
    <xf numFmtId="0" fontId="7" fillId="0" borderId="0" xfId="0" applyFont="1" applyAlignment="1">
      <alignment horizontal="right" vertical="center" wrapText="1"/>
    </xf>
    <xf numFmtId="0" fontId="2" fillId="0" borderId="0" xfId="0" applyFont="1" applyFill="1" applyAlignment="1">
      <alignment horizontal="center" vertical="center" wrapText="1"/>
    </xf>
    <xf numFmtId="16" fontId="5" fillId="0" borderId="0" xfId="0" applyNumberFormat="1" applyFont="1" applyFill="1" applyAlignment="1">
      <alignment vertical="top" wrapText="1"/>
    </xf>
    <xf numFmtId="0" fontId="4" fillId="0" borderId="0" xfId="0" applyNumberFormat="1" applyFont="1" applyAlignment="1">
      <alignment horizontal="left" vertical="top" wrapText="1"/>
    </xf>
    <xf numFmtId="0" fontId="7" fillId="0" borderId="21" xfId="0" applyNumberFormat="1" applyFont="1" applyBorder="1" applyAlignment="1">
      <alignment horizontal="center" vertical="center" wrapText="1"/>
    </xf>
    <xf numFmtId="0" fontId="7" fillId="0" borderId="18" xfId="0" applyNumberFormat="1" applyFont="1" applyBorder="1" applyAlignment="1">
      <alignment horizontal="center" vertical="center" wrapText="1"/>
    </xf>
    <xf numFmtId="0" fontId="7" fillId="2" borderId="13" xfId="5" applyFont="1" applyFill="1" applyBorder="1" applyAlignment="1">
      <alignment horizontal="right" vertical="center" wrapText="1"/>
    </xf>
    <xf numFmtId="49" fontId="5" fillId="5" borderId="15" xfId="0" applyNumberFormat="1" applyFont="1" applyFill="1" applyBorder="1" applyAlignment="1">
      <alignment vertical="center" wrapText="1"/>
    </xf>
    <xf numFmtId="49" fontId="5" fillId="5" borderId="12" xfId="0" applyNumberFormat="1" applyFont="1" applyFill="1" applyBorder="1" applyAlignment="1">
      <alignment vertical="center" wrapText="1"/>
    </xf>
    <xf numFmtId="0" fontId="7" fillId="0" borderId="0" xfId="0" applyFont="1" applyAlignment="1">
      <alignment horizontal="right" vertical="top" wrapText="1"/>
    </xf>
    <xf numFmtId="0" fontId="7" fillId="0" borderId="6" xfId="0" applyNumberFormat="1" applyFont="1" applyBorder="1" applyAlignment="1">
      <alignment horizontal="center" vertical="center" wrapText="1"/>
    </xf>
    <xf numFmtId="0" fontId="11" fillId="0" borderId="0" xfId="0" applyNumberFormat="1" applyFont="1" applyBorder="1" applyAlignment="1">
      <alignment horizontal="left" vertical="center" wrapText="1"/>
    </xf>
    <xf numFmtId="0" fontId="7" fillId="0" borderId="0" xfId="0" applyNumberFormat="1" applyFont="1" applyBorder="1" applyAlignment="1">
      <alignment horizontal="left" vertical="center" wrapText="1"/>
    </xf>
    <xf numFmtId="0" fontId="11" fillId="0" borderId="0" xfId="0" applyNumberFormat="1" applyFont="1" applyBorder="1" applyAlignment="1">
      <alignment horizontal="left" wrapText="1"/>
    </xf>
    <xf numFmtId="14" fontId="11" fillId="0" borderId="0" xfId="0" applyNumberFormat="1" applyFont="1" applyBorder="1" applyAlignment="1">
      <alignment horizontal="left" vertical="top" wrapText="1"/>
    </xf>
    <xf numFmtId="0" fontId="4" fillId="0" borderId="31" xfId="0" applyFont="1" applyBorder="1" applyAlignment="1">
      <alignment horizontal="center" vertical="center" wrapText="1"/>
    </xf>
    <xf numFmtId="0" fontId="4" fillId="0" borderId="31" xfId="0" applyFont="1" applyBorder="1" applyAlignment="1">
      <alignment horizontal="left" vertical="center" wrapText="1"/>
    </xf>
    <xf numFmtId="16" fontId="4" fillId="0" borderId="31" xfId="0" applyNumberFormat="1" applyFont="1" applyBorder="1" applyAlignment="1">
      <alignment horizontal="center" vertical="center" wrapText="1"/>
    </xf>
    <xf numFmtId="49" fontId="5" fillId="0" borderId="16" xfId="1" applyNumberFormat="1" applyFont="1" applyBorder="1" applyAlignment="1">
      <alignment horizontal="center" vertical="top" wrapText="1"/>
    </xf>
    <xf numFmtId="0" fontId="7" fillId="0" borderId="33" xfId="0" applyNumberFormat="1" applyFont="1" applyBorder="1" applyAlignment="1">
      <alignment horizontal="center" vertical="center" wrapText="1"/>
    </xf>
    <xf numFmtId="0" fontId="7" fillId="0" borderId="13" xfId="0" applyNumberFormat="1" applyFont="1" applyBorder="1" applyAlignment="1">
      <alignment horizontal="center" vertical="center" wrapText="1"/>
    </xf>
    <xf numFmtId="0" fontId="7" fillId="0" borderId="37" xfId="0" applyNumberFormat="1" applyFont="1" applyBorder="1" applyAlignment="1">
      <alignment horizontal="center" vertical="center" wrapText="1"/>
    </xf>
    <xf numFmtId="0" fontId="7" fillId="0" borderId="38" xfId="0" applyNumberFormat="1" applyFont="1" applyBorder="1" applyAlignment="1">
      <alignment horizontal="center" vertical="center" wrapText="1"/>
    </xf>
    <xf numFmtId="49" fontId="9" fillId="0" borderId="0" xfId="1" applyNumberFormat="1" applyFont="1" applyFill="1" applyBorder="1" applyAlignment="1">
      <alignment horizontal="left" vertical="top" wrapText="1"/>
    </xf>
    <xf numFmtId="49" fontId="5" fillId="0" borderId="0" xfId="1" applyNumberFormat="1" applyFont="1" applyFill="1" applyBorder="1" applyAlignment="1">
      <alignment horizontal="left" vertical="top" wrapText="1"/>
    </xf>
    <xf numFmtId="49" fontId="5" fillId="0" borderId="0" xfId="1" applyNumberFormat="1" applyFont="1" applyFill="1" applyBorder="1" applyAlignment="1">
      <alignment horizontal="center" vertical="top" wrapText="1"/>
    </xf>
    <xf numFmtId="49" fontId="5" fillId="0" borderId="0" xfId="1" applyNumberFormat="1" applyFont="1" applyFill="1" applyBorder="1" applyAlignment="1">
      <alignment horizontal="left" vertical="center" wrapText="1"/>
    </xf>
    <xf numFmtId="0" fontId="2" fillId="0" borderId="0" xfId="0" applyFont="1" applyFill="1" applyAlignment="1">
      <alignment vertical="top" wrapText="1"/>
    </xf>
    <xf numFmtId="0" fontId="2" fillId="0" borderId="30" xfId="0" applyFont="1" applyFill="1" applyBorder="1" applyAlignment="1">
      <alignment horizontal="left" vertical="center" wrapText="1"/>
    </xf>
    <xf numFmtId="0" fontId="3" fillId="0" borderId="29" xfId="0" applyFont="1" applyFill="1" applyBorder="1" applyAlignment="1">
      <alignment horizontal="left" vertical="center" wrapText="1"/>
    </xf>
    <xf numFmtId="16" fontId="4" fillId="0" borderId="39" xfId="0" applyNumberFormat="1" applyFont="1" applyBorder="1" applyAlignment="1">
      <alignment horizontal="center" vertical="center" wrapText="1"/>
    </xf>
    <xf numFmtId="0" fontId="4" fillId="0" borderId="39" xfId="0" applyFont="1" applyBorder="1" applyAlignment="1">
      <alignment horizontal="left" vertical="center" wrapText="1"/>
    </xf>
    <xf numFmtId="16" fontId="5" fillId="0" borderId="0" xfId="0" applyNumberFormat="1" applyFont="1" applyFill="1" applyAlignment="1">
      <alignment horizontal="left" vertical="top" wrapText="1"/>
    </xf>
    <xf numFmtId="0" fontId="2" fillId="0" borderId="38" xfId="0" applyFont="1" applyFill="1" applyBorder="1" applyAlignment="1">
      <alignment horizontal="left" vertical="center" wrapText="1"/>
    </xf>
    <xf numFmtId="0" fontId="2" fillId="0" borderId="31" xfId="0" applyFont="1" applyFill="1" applyBorder="1" applyAlignment="1">
      <alignment horizontal="left" vertical="center" wrapText="1"/>
    </xf>
    <xf numFmtId="2" fontId="3" fillId="0" borderId="0" xfId="0" applyNumberFormat="1" applyFont="1" applyFill="1" applyAlignment="1">
      <alignment horizontal="left" vertical="center" wrapText="1"/>
    </xf>
    <xf numFmtId="1" fontId="13" fillId="0" borderId="13" xfId="0" applyNumberFormat="1" applyFont="1" applyFill="1" applyBorder="1" applyAlignment="1">
      <alignment horizontal="center" vertical="center" wrapText="1"/>
    </xf>
    <xf numFmtId="49" fontId="2" fillId="0" borderId="40" xfId="0" applyNumberFormat="1" applyFont="1" applyFill="1" applyBorder="1" applyAlignment="1">
      <alignment horizontal="center" vertical="center" wrapText="1"/>
    </xf>
    <xf numFmtId="0" fontId="7" fillId="0" borderId="41" xfId="0" applyNumberFormat="1" applyFont="1" applyBorder="1" applyAlignment="1">
      <alignment horizontal="center" vertical="center" wrapText="1"/>
    </xf>
    <xf numFmtId="49" fontId="2" fillId="0" borderId="42" xfId="0" applyNumberFormat="1" applyFont="1" applyFill="1" applyBorder="1" applyAlignment="1">
      <alignment horizontal="center" vertical="center" wrapText="1"/>
    </xf>
    <xf numFmtId="49" fontId="2" fillId="0" borderId="32" xfId="0" applyNumberFormat="1" applyFont="1" applyFill="1" applyBorder="1" applyAlignment="1">
      <alignment horizontal="left" vertical="center" wrapText="1"/>
    </xf>
    <xf numFmtId="49" fontId="2" fillId="0" borderId="9" xfId="0" applyNumberFormat="1" applyFont="1" applyFill="1" applyBorder="1" applyAlignment="1">
      <alignment horizontal="left" vertical="center" wrapText="1"/>
    </xf>
    <xf numFmtId="49" fontId="2" fillId="0" borderId="36" xfId="0" applyNumberFormat="1" applyFont="1" applyFill="1" applyBorder="1" applyAlignment="1">
      <alignment horizontal="left" vertical="center" wrapText="1"/>
    </xf>
    <xf numFmtId="0" fontId="4" fillId="0" borderId="13" xfId="0" applyFont="1" applyFill="1" applyBorder="1" applyAlignment="1">
      <alignment horizontal="left" vertical="center" wrapText="1"/>
    </xf>
    <xf numFmtId="0" fontId="4" fillId="0" borderId="37" xfId="0" applyFont="1" applyFill="1" applyBorder="1" applyAlignment="1">
      <alignment horizontal="left" vertical="center" wrapText="1"/>
    </xf>
    <xf numFmtId="0" fontId="2" fillId="0" borderId="6" xfId="0" applyFont="1" applyFill="1" applyBorder="1" applyAlignment="1">
      <alignment horizontal="justify" vertical="center"/>
    </xf>
    <xf numFmtId="0" fontId="14" fillId="0" borderId="0" xfId="0" applyFont="1" applyFill="1" applyBorder="1" applyAlignment="1">
      <alignment horizontal="justify" vertical="center"/>
    </xf>
    <xf numFmtId="49" fontId="2" fillId="0" borderId="43" xfId="0" applyNumberFormat="1" applyFont="1" applyFill="1" applyBorder="1" applyAlignment="1">
      <alignment horizontal="left" vertical="center" wrapText="1"/>
    </xf>
    <xf numFmtId="49" fontId="2" fillId="0" borderId="38" xfId="0" applyNumberFormat="1" applyFont="1" applyFill="1" applyBorder="1" applyAlignment="1">
      <alignment horizontal="left" vertical="center" wrapText="1"/>
    </xf>
    <xf numFmtId="0" fontId="10" fillId="0" borderId="0" xfId="0" applyFont="1" applyBorder="1" applyAlignment="1">
      <alignment horizontal="center" vertical="center" wrapText="1"/>
    </xf>
    <xf numFmtId="0" fontId="2" fillId="0" borderId="0" xfId="0" applyFont="1" applyFill="1" applyAlignment="1">
      <alignment horizontal="center" vertical="top" wrapText="1"/>
    </xf>
    <xf numFmtId="0" fontId="3" fillId="4" borderId="0" xfId="0" applyFont="1" applyFill="1" applyAlignment="1">
      <alignment horizontal="center" vertical="center" wrapText="1"/>
    </xf>
    <xf numFmtId="16" fontId="3" fillId="0" borderId="0" xfId="0" applyNumberFormat="1" applyFont="1" applyFill="1" applyAlignment="1">
      <alignment horizontal="left" vertical="top" wrapText="1"/>
    </xf>
    <xf numFmtId="0" fontId="4" fillId="0" borderId="0" xfId="0" applyNumberFormat="1" applyFont="1" applyAlignment="1">
      <alignment horizontal="left" vertical="top" wrapText="1"/>
    </xf>
    <xf numFmtId="16" fontId="5" fillId="0" borderId="0" xfId="0" applyNumberFormat="1" applyFont="1" applyFill="1" applyAlignment="1">
      <alignment horizontal="left" vertical="top" wrapText="1"/>
    </xf>
    <xf numFmtId="0" fontId="2" fillId="0" borderId="0" xfId="0" applyFont="1" applyFill="1" applyAlignment="1">
      <alignment horizontal="left" wrapText="1"/>
    </xf>
    <xf numFmtId="0" fontId="2" fillId="0" borderId="0" xfId="0" applyFont="1" applyFill="1" applyAlignment="1">
      <alignment horizontal="left"/>
    </xf>
    <xf numFmtId="49" fontId="3" fillId="2" borderId="1" xfId="0" applyNumberFormat="1" applyFont="1" applyFill="1" applyBorder="1" applyAlignment="1">
      <alignment horizontal="left" vertical="top" wrapText="1"/>
    </xf>
    <xf numFmtId="49" fontId="3" fillId="2" borderId="16" xfId="0" applyNumberFormat="1" applyFont="1" applyFill="1" applyBorder="1" applyAlignment="1">
      <alignment horizontal="left" vertical="top" wrapText="1"/>
    </xf>
    <xf numFmtId="49" fontId="3" fillId="2" borderId="14" xfId="0" applyNumberFormat="1" applyFont="1" applyFill="1" applyBorder="1" applyAlignment="1">
      <alignment horizontal="left" vertical="top" wrapText="1"/>
    </xf>
    <xf numFmtId="49" fontId="3" fillId="2" borderId="3" xfId="0" applyNumberFormat="1" applyFont="1" applyFill="1" applyBorder="1" applyAlignment="1">
      <alignment horizontal="left" vertical="top" wrapText="1"/>
    </xf>
    <xf numFmtId="0" fontId="3" fillId="2" borderId="17" xfId="0" applyFont="1" applyFill="1" applyBorder="1" applyAlignment="1">
      <alignment horizontal="center" vertical="top" wrapText="1"/>
    </xf>
    <xf numFmtId="0" fontId="3" fillId="2" borderId="16" xfId="0" applyFont="1" applyFill="1" applyBorder="1" applyAlignment="1">
      <alignment horizontal="center" vertical="top" wrapText="1"/>
    </xf>
    <xf numFmtId="0" fontId="3" fillId="2" borderId="2" xfId="0" applyFont="1" applyFill="1" applyBorder="1" applyAlignment="1">
      <alignment horizontal="center" vertical="top" wrapText="1"/>
    </xf>
    <xf numFmtId="49" fontId="2" fillId="2" borderId="19" xfId="0" applyNumberFormat="1" applyFont="1" applyFill="1" applyBorder="1" applyAlignment="1">
      <alignment horizontal="center" vertical="center" wrapText="1"/>
    </xf>
    <xf numFmtId="49" fontId="2" fillId="2" borderId="20" xfId="0" applyNumberFormat="1" applyFont="1" applyFill="1" applyBorder="1" applyAlignment="1">
      <alignment horizontal="center" vertical="center" wrapText="1"/>
    </xf>
    <xf numFmtId="49" fontId="3" fillId="0" borderId="0" xfId="0" applyNumberFormat="1" applyFont="1" applyFill="1" applyAlignment="1">
      <alignment horizontal="left" vertical="center" wrapText="1"/>
    </xf>
    <xf numFmtId="0" fontId="2" fillId="3" borderId="5" xfId="0" applyFont="1" applyFill="1" applyBorder="1" applyAlignment="1">
      <alignment horizontal="left" vertical="top" wrapText="1"/>
    </xf>
    <xf numFmtId="0" fontId="2" fillId="3" borderId="6" xfId="0" applyFont="1" applyFill="1" applyBorder="1" applyAlignment="1">
      <alignment horizontal="left" vertical="top" wrapText="1"/>
    </xf>
    <xf numFmtId="0" fontId="2" fillId="0" borderId="5" xfId="0" applyFont="1" applyFill="1" applyBorder="1" applyAlignment="1">
      <alignment horizontal="left" vertical="center" wrapText="1"/>
    </xf>
    <xf numFmtId="0" fontId="2" fillId="0" borderId="6" xfId="0" applyFont="1" applyFill="1" applyBorder="1" applyAlignment="1">
      <alignment horizontal="left" vertical="center" wrapText="1"/>
    </xf>
    <xf numFmtId="0" fontId="3" fillId="0" borderId="0" xfId="0" applyFont="1" applyFill="1" applyAlignment="1">
      <alignment horizontal="left" vertical="center" wrapText="1"/>
    </xf>
    <xf numFmtId="0" fontId="8" fillId="0" borderId="0" xfId="0" applyFont="1" applyFill="1" applyAlignment="1">
      <alignment horizontal="left" vertical="center" wrapText="1"/>
    </xf>
    <xf numFmtId="0" fontId="4" fillId="0" borderId="0" xfId="0" applyFont="1" applyAlignment="1">
      <alignment horizontal="left" vertical="top" wrapText="1"/>
    </xf>
    <xf numFmtId="0" fontId="2" fillId="0" borderId="13" xfId="0" applyFont="1" applyFill="1" applyBorder="1" applyAlignment="1">
      <alignment horizontal="left" vertical="center" wrapText="1"/>
    </xf>
    <xf numFmtId="0" fontId="2" fillId="0" borderId="10" xfId="0" applyFont="1" applyFill="1" applyBorder="1" applyAlignment="1">
      <alignment horizontal="left" vertical="center" wrapText="1"/>
    </xf>
    <xf numFmtId="0" fontId="2" fillId="0" borderId="33" xfId="0" applyFont="1" applyFill="1" applyBorder="1" applyAlignment="1">
      <alignment horizontal="left" vertical="center" wrapText="1"/>
    </xf>
    <xf numFmtId="0" fontId="2" fillId="0" borderId="34" xfId="0" applyFont="1" applyFill="1" applyBorder="1" applyAlignment="1">
      <alignment horizontal="left" vertical="center" wrapText="1"/>
    </xf>
    <xf numFmtId="49" fontId="2" fillId="0" borderId="13" xfId="0" applyNumberFormat="1" applyFont="1" applyBorder="1" applyAlignment="1">
      <alignment horizontal="left" vertical="center" wrapText="1"/>
    </xf>
    <xf numFmtId="49" fontId="2" fillId="0" borderId="10" xfId="0" applyNumberFormat="1" applyFont="1" applyBorder="1" applyAlignment="1">
      <alignment horizontal="left" vertical="center" wrapText="1"/>
    </xf>
    <xf numFmtId="49" fontId="15" fillId="5" borderId="11" xfId="0" applyNumberFormat="1" applyFont="1" applyFill="1" applyBorder="1" applyAlignment="1">
      <alignment horizontal="left" vertical="center" wrapText="1"/>
    </xf>
    <xf numFmtId="49" fontId="15" fillId="5" borderId="15" xfId="0" applyNumberFormat="1" applyFont="1" applyFill="1" applyBorder="1" applyAlignment="1">
      <alignment horizontal="left" vertical="center" wrapText="1"/>
    </xf>
    <xf numFmtId="0" fontId="3" fillId="0" borderId="0" xfId="0" applyFont="1" applyAlignment="1">
      <alignment horizontal="center"/>
    </xf>
    <xf numFmtId="49" fontId="2" fillId="2" borderId="22" xfId="0" applyNumberFormat="1" applyFont="1" applyFill="1" applyBorder="1" applyAlignment="1">
      <alignment horizontal="center" vertical="center" wrapText="1"/>
    </xf>
    <xf numFmtId="49" fontId="2" fillId="2" borderId="4" xfId="0" applyNumberFormat="1" applyFont="1" applyFill="1" applyBorder="1" applyAlignment="1">
      <alignment horizontal="center" vertical="center" wrapText="1"/>
    </xf>
    <xf numFmtId="49" fontId="2" fillId="0" borderId="5" xfId="0" applyNumberFormat="1" applyFont="1" applyBorder="1" applyAlignment="1">
      <alignment horizontal="center" vertical="center" wrapText="1"/>
    </xf>
    <xf numFmtId="49" fontId="2" fillId="0" borderId="35" xfId="0" applyNumberFormat="1" applyFont="1" applyBorder="1" applyAlignment="1">
      <alignment horizontal="center" vertical="center" wrapText="1"/>
    </xf>
    <xf numFmtId="0" fontId="2" fillId="0" borderId="0" xfId="0" applyFont="1" applyAlignment="1">
      <alignment horizontal="left" wrapText="1"/>
    </xf>
    <xf numFmtId="0" fontId="2" fillId="0" borderId="0" xfId="0" applyFont="1" applyAlignment="1">
      <alignment horizontal="center" vertical="center" wrapText="1"/>
    </xf>
    <xf numFmtId="49" fontId="4" fillId="0" borderId="0" xfId="0" applyNumberFormat="1" applyFont="1" applyFill="1" applyAlignment="1">
      <alignment horizontal="left" vertical="top" wrapText="1"/>
    </xf>
    <xf numFmtId="0" fontId="7" fillId="0" borderId="0" xfId="0" applyNumberFormat="1" applyFont="1" applyBorder="1" applyAlignment="1">
      <alignment horizontal="left" vertical="center" wrapText="1"/>
    </xf>
    <xf numFmtId="0" fontId="11" fillId="0" borderId="0" xfId="5" applyFont="1" applyAlignment="1">
      <alignment horizontal="center" vertical="center" wrapText="1"/>
    </xf>
    <xf numFmtId="0" fontId="7" fillId="0" borderId="0" xfId="5" applyFont="1" applyAlignment="1">
      <alignment horizontal="center" vertical="top" wrapText="1"/>
    </xf>
    <xf numFmtId="0" fontId="2" fillId="0" borderId="26" xfId="0" applyFont="1" applyFill="1" applyBorder="1" applyAlignment="1">
      <alignment horizontal="left" vertical="center" wrapText="1"/>
    </xf>
    <xf numFmtId="0" fontId="2" fillId="0" borderId="27" xfId="0" applyFont="1" applyFill="1" applyBorder="1" applyAlignment="1">
      <alignment horizontal="left" vertical="center" wrapText="1"/>
    </xf>
    <xf numFmtId="0" fontId="2" fillId="0" borderId="23" xfId="0" applyFont="1" applyFill="1" applyBorder="1" applyAlignment="1">
      <alignment horizontal="left" vertical="center" wrapText="1"/>
    </xf>
    <xf numFmtId="0" fontId="2" fillId="0" borderId="28" xfId="0" applyFont="1" applyFill="1" applyBorder="1" applyAlignment="1">
      <alignment horizontal="left" vertical="center" wrapText="1"/>
    </xf>
    <xf numFmtId="0" fontId="12" fillId="0" borderId="7" xfId="0" applyFont="1" applyBorder="1" applyAlignment="1">
      <alignment horizontal="center"/>
    </xf>
    <xf numFmtId="0" fontId="11" fillId="0" borderId="0" xfId="0" applyNumberFormat="1" applyFont="1" applyBorder="1" applyAlignment="1">
      <alignment horizontal="left" vertical="center" wrapText="1"/>
    </xf>
    <xf numFmtId="49" fontId="4" fillId="0" borderId="0" xfId="1" applyNumberFormat="1" applyFont="1" applyBorder="1" applyAlignment="1">
      <alignment horizontal="left" vertical="top" wrapText="1"/>
    </xf>
    <xf numFmtId="0" fontId="6" fillId="0" borderId="0" xfId="4" applyFont="1" applyAlignment="1">
      <alignment horizontal="left" vertical="center" wrapText="1"/>
    </xf>
    <xf numFmtId="0" fontId="2" fillId="0" borderId="5" xfId="0" applyFont="1" applyFill="1" applyBorder="1" applyAlignment="1">
      <alignment horizontal="center" vertical="center" wrapText="1"/>
    </xf>
    <xf numFmtId="0" fontId="2" fillId="0" borderId="35" xfId="0" applyFont="1" applyFill="1" applyBorder="1" applyAlignment="1">
      <alignment horizontal="center" vertical="center" wrapText="1"/>
    </xf>
    <xf numFmtId="0" fontId="2" fillId="0" borderId="38" xfId="0" applyFont="1" applyFill="1" applyBorder="1" applyAlignment="1">
      <alignment horizontal="left" vertical="center" wrapText="1"/>
    </xf>
    <xf numFmtId="0" fontId="2" fillId="0" borderId="25" xfId="0" applyFont="1" applyFill="1" applyBorder="1" applyAlignment="1">
      <alignment horizontal="left" vertical="center" wrapText="1"/>
    </xf>
    <xf numFmtId="0" fontId="3" fillId="4" borderId="0" xfId="0" applyFont="1" applyFill="1" applyBorder="1" applyAlignment="1">
      <alignment horizontal="center" vertical="center" wrapText="1"/>
    </xf>
    <xf numFmtId="0" fontId="2" fillId="0" borderId="22" xfId="0" applyFont="1" applyFill="1" applyBorder="1" applyAlignment="1">
      <alignment horizontal="left" vertical="center" wrapText="1"/>
    </xf>
    <xf numFmtId="0" fontId="2" fillId="0" borderId="4" xfId="0" applyFont="1" applyFill="1" applyBorder="1" applyAlignment="1">
      <alignment horizontal="left" vertical="center" wrapText="1"/>
    </xf>
    <xf numFmtId="49" fontId="4" fillId="0" borderId="0" xfId="1" applyNumberFormat="1" applyFont="1" applyFill="1" applyBorder="1" applyAlignment="1">
      <alignment horizontal="left" vertical="center" wrapText="1"/>
    </xf>
  </cellXfs>
  <cellStyles count="6">
    <cellStyle name="Normálna" xfId="0" builtinId="0"/>
    <cellStyle name="Normálna 2" xfId="2"/>
    <cellStyle name="Normálne 2" xfId="3"/>
    <cellStyle name="normálne 2 2" xfId="1"/>
    <cellStyle name="normálne 2 2 2" xfId="4"/>
    <cellStyle name="Normálne 4" xfId="5"/>
  </cellStyles>
  <dxfs count="16">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s>
  <tableStyles count="0" defaultTableStyle="TableStyleMedium2" defaultPivotStyle="PivotStyleLight16"/>
  <colors>
    <mruColors>
      <color rgb="FFEDDBC9"/>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ctrlProps/ctrlProp1.xml><?xml version="1.0" encoding="utf-8"?>
<formControlPr xmlns="http://schemas.microsoft.com/office/spreadsheetml/2009/9/main" objectType="CheckBox" lockText="1" noThreeD="1"/>
</file>

<file path=xl/ctrlProps/ctrlProp2.xml><?xml version="1.0" encoding="utf-8"?>
<formControlPr xmlns="http://schemas.microsoft.com/office/spreadsheetml/2009/9/main" objectType="CheckBox" checked="Checked" lockText="1" noThreeD="1"/>
</file>

<file path=xl/ctrlProps/ctrlProp3.xml><?xml version="1.0" encoding="utf-8"?>
<formControlPr xmlns="http://schemas.microsoft.com/office/spreadsheetml/2009/9/main" objectType="CheckBox" checked="Checked" lockText="1" noThreeD="1"/>
</file>

<file path=xl/ctrlProps/ctrlProp4.xml><?xml version="1.0" encoding="utf-8"?>
<formControlPr xmlns="http://schemas.microsoft.com/office/spreadsheetml/2009/9/main" objectType="CheckBox" lockText="1" noThreeD="1"/>
</file>

<file path=xl/drawings/drawing1.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0</xdr:col>
          <xdr:colOff>276225</xdr:colOff>
          <xdr:row>24</xdr:row>
          <xdr:rowOff>28575</xdr:rowOff>
        </xdr:from>
        <xdr:to>
          <xdr:col>0</xdr:col>
          <xdr:colOff>533400</xdr:colOff>
          <xdr:row>25</xdr:row>
          <xdr:rowOff>0</xdr:rowOff>
        </xdr:to>
        <xdr:sp macro="" textlink="">
          <xdr:nvSpPr>
            <xdr:cNvPr id="8195" name="Check Box 3" hidden="1">
              <a:extLst>
                <a:ext uri="{63B3BB69-23CF-44E3-9099-C40C66FF867C}">
                  <a14:compatExt spid="_x0000_s8195"/>
                </a:ext>
                <a:ext uri="{FF2B5EF4-FFF2-40B4-BE49-F238E27FC236}">
                  <a16:creationId xmlns:a16="http://schemas.microsoft.com/office/drawing/2014/main" id="{00000000-0008-0000-0000-0000032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276225</xdr:colOff>
          <xdr:row>25</xdr:row>
          <xdr:rowOff>28575</xdr:rowOff>
        </xdr:from>
        <xdr:to>
          <xdr:col>0</xdr:col>
          <xdr:colOff>542925</xdr:colOff>
          <xdr:row>26</xdr:row>
          <xdr:rowOff>0</xdr:rowOff>
        </xdr:to>
        <xdr:sp macro="" textlink="">
          <xdr:nvSpPr>
            <xdr:cNvPr id="8196" name="Check Box 4" hidden="1">
              <a:extLst>
                <a:ext uri="{63B3BB69-23CF-44E3-9099-C40C66FF867C}">
                  <a14:compatExt spid="_x0000_s8196"/>
                </a:ext>
                <a:ext uri="{FF2B5EF4-FFF2-40B4-BE49-F238E27FC236}">
                  <a16:creationId xmlns:a16="http://schemas.microsoft.com/office/drawing/2014/main" id="{00000000-0008-0000-0000-0000042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276225</xdr:colOff>
          <xdr:row>32</xdr:row>
          <xdr:rowOff>38100</xdr:rowOff>
        </xdr:from>
        <xdr:to>
          <xdr:col>0</xdr:col>
          <xdr:colOff>533400</xdr:colOff>
          <xdr:row>33</xdr:row>
          <xdr:rowOff>0</xdr:rowOff>
        </xdr:to>
        <xdr:sp macro="" textlink="">
          <xdr:nvSpPr>
            <xdr:cNvPr id="8197" name="Check Box 5" hidden="1">
              <a:extLst>
                <a:ext uri="{63B3BB69-23CF-44E3-9099-C40C66FF867C}">
                  <a14:compatExt spid="_x0000_s8197"/>
                </a:ext>
                <a:ext uri="{FF2B5EF4-FFF2-40B4-BE49-F238E27FC236}">
                  <a16:creationId xmlns:a16="http://schemas.microsoft.com/office/drawing/2014/main" id="{00000000-0008-0000-0000-0000052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266700</xdr:colOff>
          <xdr:row>33</xdr:row>
          <xdr:rowOff>0</xdr:rowOff>
        </xdr:from>
        <xdr:to>
          <xdr:col>0</xdr:col>
          <xdr:colOff>523875</xdr:colOff>
          <xdr:row>33</xdr:row>
          <xdr:rowOff>219075</xdr:rowOff>
        </xdr:to>
        <xdr:sp macro="" textlink="">
          <xdr:nvSpPr>
            <xdr:cNvPr id="8198" name="Check Box 6" hidden="1">
              <a:extLst>
                <a:ext uri="{63B3BB69-23CF-44E3-9099-C40C66FF867C}">
                  <a14:compatExt spid="_x0000_s8198"/>
                </a:ext>
                <a:ext uri="{FF2B5EF4-FFF2-40B4-BE49-F238E27FC236}">
                  <a16:creationId xmlns:a16="http://schemas.microsoft.com/office/drawing/2014/main" id="{00000000-0008-0000-0000-00000620000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wsDr>
</file>

<file path=xl/theme/theme1.xml><?xml version="1.0" encoding="utf-8"?>
<a:theme xmlns:a="http://schemas.openxmlformats.org/drawingml/2006/main" name="Motív balíka Offic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3" Type="http://schemas.openxmlformats.org/officeDocument/2006/relationships/vmlDrawing" Target="../drawings/vmlDrawing1.vml"/><Relationship Id="rId7" Type="http://schemas.openxmlformats.org/officeDocument/2006/relationships/ctrlProp" Target="../ctrlProps/ctrlProp4.xml"/><Relationship Id="rId2" Type="http://schemas.openxmlformats.org/officeDocument/2006/relationships/drawing" Target="../drawings/drawing1.xml"/><Relationship Id="rId1" Type="http://schemas.openxmlformats.org/officeDocument/2006/relationships/printerSettings" Target="../printerSettings/printerSettings1.bin"/><Relationship Id="rId6" Type="http://schemas.openxmlformats.org/officeDocument/2006/relationships/ctrlProp" Target="../ctrlProps/ctrlProp3.xml"/><Relationship Id="rId5" Type="http://schemas.openxmlformats.org/officeDocument/2006/relationships/ctrlProp" Target="../ctrlProps/ctrlProp2.xml"/><Relationship Id="rId4" Type="http://schemas.openxmlformats.org/officeDocument/2006/relationships/ctrlProp" Target="../ctrlProps/ctrlProp1.xml"/></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tabColor rgb="FF92D050"/>
    <pageSetUpPr fitToPage="1"/>
  </sheetPr>
  <dimension ref="A1:F154"/>
  <sheetViews>
    <sheetView showGridLines="0" tabSelected="1" topLeftCell="A115" zoomScale="90" zoomScaleNormal="90" workbookViewId="0">
      <selection activeCell="B123" sqref="B123:E123"/>
    </sheetView>
  </sheetViews>
  <sheetFormatPr defaultColWidth="9.140625" defaultRowHeight="12.75" x14ac:dyDescent="0.2"/>
  <cols>
    <col min="1" max="1" width="12.85546875" style="1" customWidth="1"/>
    <col min="2" max="2" width="70.42578125" style="1" customWidth="1"/>
    <col min="3" max="3" width="16.42578125" style="8" customWidth="1"/>
    <col min="4" max="4" width="13.7109375" style="8" customWidth="1"/>
    <col min="5" max="5" width="67.140625" style="2" customWidth="1"/>
    <col min="6" max="6" width="17.140625" style="1" customWidth="1"/>
    <col min="7" max="7" width="13.140625" style="1" customWidth="1"/>
    <col min="8" max="8" width="9.140625" style="1" customWidth="1"/>
    <col min="9" max="16384" width="9.140625" style="1"/>
  </cols>
  <sheetData>
    <row r="1" spans="1:5" ht="24" customHeight="1" x14ac:dyDescent="0.2">
      <c r="A1" s="121" t="s">
        <v>49</v>
      </c>
      <c r="B1" s="121"/>
      <c r="C1" s="121"/>
      <c r="D1" s="121"/>
      <c r="E1" s="121"/>
    </row>
    <row r="2" spans="1:5" ht="27.75" customHeight="1" x14ac:dyDescent="0.2">
      <c r="A2" s="127" t="s">
        <v>47</v>
      </c>
      <c r="B2" s="127"/>
      <c r="C2" s="127"/>
      <c r="D2" s="127"/>
      <c r="E2" s="127"/>
    </row>
    <row r="3" spans="1:5" ht="56.1" customHeight="1" x14ac:dyDescent="0.2">
      <c r="A3" s="89" t="s">
        <v>53</v>
      </c>
      <c r="B3" s="89"/>
      <c r="C3" s="89"/>
      <c r="D3" s="89"/>
      <c r="E3" s="89"/>
    </row>
    <row r="4" spans="1:5" ht="24.95" customHeight="1" x14ac:dyDescent="0.2">
      <c r="A4" s="45" t="s">
        <v>52</v>
      </c>
      <c r="B4" s="50"/>
      <c r="C4" s="40"/>
      <c r="D4" s="40"/>
      <c r="E4" s="40"/>
    </row>
    <row r="5" spans="1:5" ht="24.95" customHeight="1" x14ac:dyDescent="0.2">
      <c r="A5" s="45" t="s">
        <v>50</v>
      </c>
      <c r="B5" s="51"/>
      <c r="C5" s="40"/>
      <c r="D5" s="40"/>
      <c r="E5" s="40"/>
    </row>
    <row r="6" spans="1:5" ht="5.0999999999999996" customHeight="1" x14ac:dyDescent="0.2">
      <c r="A6" s="40"/>
      <c r="B6" s="40"/>
      <c r="C6" s="40"/>
      <c r="D6" s="40"/>
      <c r="E6" s="40"/>
    </row>
    <row r="7" spans="1:5" s="2" customFormat="1" ht="20.100000000000001" customHeight="1" x14ac:dyDescent="0.25">
      <c r="A7" s="90" t="s">
        <v>4</v>
      </c>
      <c r="B7" s="90"/>
      <c r="C7" s="90"/>
      <c r="D7" s="90"/>
      <c r="E7" s="90"/>
    </row>
    <row r="8" spans="1:5" s="2" customFormat="1" ht="20.100000000000001" customHeight="1" x14ac:dyDescent="0.25">
      <c r="A8" s="91" t="s">
        <v>8</v>
      </c>
      <c r="B8" s="91"/>
      <c r="C8" s="91"/>
      <c r="D8" s="91"/>
      <c r="E8" s="91"/>
    </row>
    <row r="9" spans="1:5" ht="24.95" customHeight="1" x14ac:dyDescent="0.2">
      <c r="A9" s="92" t="s">
        <v>89</v>
      </c>
      <c r="B9" s="92"/>
      <c r="C9" s="92"/>
      <c r="D9" s="92"/>
      <c r="E9" s="92"/>
    </row>
    <row r="10" spans="1:5" ht="4.5" customHeight="1" x14ac:dyDescent="0.2">
      <c r="A10" s="42"/>
      <c r="B10" s="42"/>
      <c r="C10" s="42"/>
      <c r="D10" s="42"/>
      <c r="E10" s="42"/>
    </row>
    <row r="11" spans="1:5" s="2" customFormat="1" ht="20.100000000000001" customHeight="1" x14ac:dyDescent="0.25">
      <c r="A11" s="93" t="s">
        <v>9</v>
      </c>
      <c r="B11" s="93"/>
      <c r="C11" s="93"/>
      <c r="D11" s="93"/>
      <c r="E11" s="93"/>
    </row>
    <row r="12" spans="1:5" s="2" customFormat="1" ht="15" customHeight="1" x14ac:dyDescent="0.2">
      <c r="A12" s="94" t="s">
        <v>91</v>
      </c>
      <c r="B12" s="95"/>
      <c r="C12" s="95"/>
      <c r="D12" s="71"/>
      <c r="E12" s="71"/>
    </row>
    <row r="13" spans="1:5" s="2" customFormat="1" ht="15" customHeight="1" x14ac:dyDescent="0.2">
      <c r="A13" s="94" t="s">
        <v>90</v>
      </c>
      <c r="B13" s="95"/>
      <c r="C13" s="95"/>
      <c r="D13" s="16"/>
      <c r="E13" s="16"/>
    </row>
    <row r="14" spans="1:5" s="3" customFormat="1" ht="15" customHeight="1" x14ac:dyDescent="0.2">
      <c r="A14" s="94" t="s">
        <v>92</v>
      </c>
      <c r="B14" s="95"/>
      <c r="C14" s="95"/>
      <c r="D14" s="22"/>
      <c r="E14" s="23"/>
    </row>
    <row r="15" spans="1:5" ht="4.5" customHeight="1" x14ac:dyDescent="0.2">
      <c r="A15" s="42"/>
      <c r="B15" s="42"/>
      <c r="C15" s="42"/>
      <c r="D15" s="42"/>
      <c r="E15" s="42"/>
    </row>
    <row r="16" spans="1:5" x14ac:dyDescent="0.2">
      <c r="A16" s="41" t="s">
        <v>10</v>
      </c>
      <c r="B16" s="24"/>
      <c r="C16" s="24"/>
      <c r="D16" s="25"/>
      <c r="E16" s="25"/>
    </row>
    <row r="17" spans="1:5" s="3" customFormat="1" ht="24.95" customHeight="1" x14ac:dyDescent="0.25">
      <c r="A17" s="112" t="s">
        <v>93</v>
      </c>
      <c r="B17" s="112"/>
      <c r="C17" s="112"/>
      <c r="D17" s="22"/>
      <c r="E17" s="23"/>
    </row>
    <row r="18" spans="1:5" ht="5.0999999999999996" customHeight="1" x14ac:dyDescent="0.2">
      <c r="A18" s="126"/>
      <c r="B18" s="126"/>
      <c r="C18" s="126"/>
      <c r="E18" s="17"/>
    </row>
    <row r="19" spans="1:5" s="2" customFormat="1" ht="20.100000000000001" customHeight="1" x14ac:dyDescent="0.25">
      <c r="A19" s="90" t="s">
        <v>22</v>
      </c>
      <c r="B19" s="90"/>
      <c r="C19" s="90"/>
      <c r="D19" s="90"/>
      <c r="E19" s="90"/>
    </row>
    <row r="20" spans="1:5" ht="50.1" customHeight="1" x14ac:dyDescent="0.2">
      <c r="A20" s="128" t="s">
        <v>94</v>
      </c>
      <c r="B20" s="128"/>
      <c r="C20" s="128"/>
      <c r="D20" s="128"/>
      <c r="E20" s="128"/>
    </row>
    <row r="21" spans="1:5" ht="5.0999999999999996" customHeight="1" x14ac:dyDescent="0.2">
      <c r="A21" s="126"/>
      <c r="B21" s="126"/>
      <c r="C21" s="126"/>
      <c r="E21" s="17"/>
    </row>
    <row r="22" spans="1:5" s="2" customFormat="1" ht="20.100000000000001" customHeight="1" x14ac:dyDescent="0.25">
      <c r="A22" s="90" t="s">
        <v>23</v>
      </c>
      <c r="B22" s="90"/>
      <c r="C22" s="90"/>
      <c r="D22" s="90"/>
      <c r="E22" s="90"/>
    </row>
    <row r="23" spans="1:5" s="9" customFormat="1" ht="20.100000000000001" customHeight="1" x14ac:dyDescent="0.25">
      <c r="A23" s="105" t="s">
        <v>5</v>
      </c>
      <c r="B23" s="105"/>
      <c r="C23" s="105"/>
      <c r="D23" s="105"/>
      <c r="E23" s="105"/>
    </row>
    <row r="24" spans="1:5" s="9" customFormat="1" ht="20.100000000000001" customHeight="1" x14ac:dyDescent="0.25">
      <c r="A24" s="110" t="s">
        <v>17</v>
      </c>
      <c r="B24" s="111"/>
      <c r="C24" s="15"/>
      <c r="D24" s="15"/>
      <c r="E24" s="15"/>
    </row>
    <row r="25" spans="1:5" s="9" customFormat="1" ht="20.100000000000001" customHeight="1" x14ac:dyDescent="0.25">
      <c r="A25" s="14"/>
      <c r="B25" s="14" t="s">
        <v>20</v>
      </c>
      <c r="C25" s="15"/>
      <c r="D25" s="15"/>
      <c r="E25" s="15"/>
    </row>
    <row r="26" spans="1:5" s="9" customFormat="1" ht="20.100000000000001" customHeight="1" x14ac:dyDescent="0.25">
      <c r="A26" s="14"/>
      <c r="B26" s="14" t="s">
        <v>21</v>
      </c>
      <c r="C26" s="15"/>
      <c r="D26" s="15"/>
      <c r="E26" s="15"/>
    </row>
    <row r="27" spans="1:5" s="9" customFormat="1" ht="20.100000000000001" customHeight="1" x14ac:dyDescent="0.25">
      <c r="A27" s="110" t="s">
        <v>18</v>
      </c>
      <c r="B27" s="111"/>
      <c r="C27" s="15"/>
      <c r="D27" s="15"/>
      <c r="E27" s="15"/>
    </row>
    <row r="28" spans="1:5" s="9" customFormat="1" ht="31.5" customHeight="1" x14ac:dyDescent="0.25">
      <c r="A28" s="20" t="s">
        <v>68</v>
      </c>
      <c r="B28" s="106" t="s">
        <v>12</v>
      </c>
      <c r="C28" s="107"/>
      <c r="D28" s="21" t="s">
        <v>11</v>
      </c>
      <c r="E28" s="21" t="s">
        <v>13</v>
      </c>
    </row>
    <row r="29" spans="1:5" s="9" customFormat="1" ht="24.95" customHeight="1" x14ac:dyDescent="0.25">
      <c r="A29" s="18" t="s">
        <v>69</v>
      </c>
      <c r="B29" s="108" t="s">
        <v>96</v>
      </c>
      <c r="C29" s="109"/>
      <c r="D29" s="19" t="s">
        <v>1</v>
      </c>
      <c r="E29" s="75">
        <v>36110</v>
      </c>
    </row>
    <row r="30" spans="1:5" s="9" customFormat="1" ht="24.95" customHeight="1" x14ac:dyDescent="0.25">
      <c r="A30" s="18" t="s">
        <v>95</v>
      </c>
      <c r="B30" s="108" t="s">
        <v>97</v>
      </c>
      <c r="C30" s="109"/>
      <c r="D30" s="19" t="s">
        <v>1</v>
      </c>
      <c r="E30" s="75">
        <v>20945</v>
      </c>
    </row>
    <row r="31" spans="1:5" s="9" customFormat="1" ht="4.5" customHeight="1" x14ac:dyDescent="0.25">
      <c r="A31" s="15"/>
      <c r="B31" s="15"/>
      <c r="C31" s="15"/>
      <c r="D31" s="15"/>
      <c r="E31" s="15"/>
    </row>
    <row r="32" spans="1:5" s="9" customFormat="1" ht="20.100000000000001" customHeight="1" x14ac:dyDescent="0.25">
      <c r="A32" s="110" t="s">
        <v>19</v>
      </c>
      <c r="B32" s="111"/>
      <c r="C32" s="15"/>
      <c r="D32" s="15"/>
      <c r="E32" s="74"/>
    </row>
    <row r="33" spans="1:6" s="9" customFormat="1" ht="20.100000000000001" customHeight="1" x14ac:dyDescent="0.2">
      <c r="A33" s="10"/>
      <c r="B33" s="9" t="s">
        <v>2</v>
      </c>
      <c r="C33" s="15"/>
      <c r="D33" s="15"/>
      <c r="E33" s="15"/>
    </row>
    <row r="34" spans="1:6" s="9" customFormat="1" ht="20.100000000000001" customHeight="1" x14ac:dyDescent="0.25">
      <c r="A34" s="14"/>
      <c r="B34" s="2" t="s">
        <v>3</v>
      </c>
      <c r="C34" s="15"/>
      <c r="D34" s="15"/>
      <c r="E34" s="15"/>
    </row>
    <row r="35" spans="1:6" ht="5.0999999999999996" customHeight="1" x14ac:dyDescent="0.2"/>
    <row r="36" spans="1:6" s="2" customFormat="1" ht="20.100000000000001" customHeight="1" x14ac:dyDescent="0.25">
      <c r="A36" s="90" t="s">
        <v>24</v>
      </c>
      <c r="B36" s="90"/>
      <c r="C36" s="90"/>
      <c r="D36" s="90"/>
      <c r="E36" s="90"/>
    </row>
    <row r="37" spans="1:6" s="2" customFormat="1" ht="5.0999999999999996" customHeight="1" thickBot="1" x14ac:dyDescent="0.3">
      <c r="A37" s="17"/>
      <c r="C37" s="6"/>
      <c r="D37" s="6"/>
      <c r="E37" s="6"/>
    </row>
    <row r="38" spans="1:6" s="3" customFormat="1" ht="93" customHeight="1" x14ac:dyDescent="0.25">
      <c r="A38" s="96" t="s">
        <v>0</v>
      </c>
      <c r="B38" s="97"/>
      <c r="C38" s="100" t="s">
        <v>25</v>
      </c>
      <c r="D38" s="101"/>
      <c r="E38" s="102"/>
      <c r="F38" s="26"/>
    </row>
    <row r="39" spans="1:6" s="3" customFormat="1" ht="30" customHeight="1" thickBot="1" x14ac:dyDescent="0.3">
      <c r="A39" s="98"/>
      <c r="B39" s="99"/>
      <c r="C39" s="27" t="s">
        <v>26</v>
      </c>
      <c r="D39" s="103" t="s">
        <v>27</v>
      </c>
      <c r="E39" s="104"/>
    </row>
    <row r="40" spans="1:6" s="28" customFormat="1" ht="30.75" customHeight="1" x14ac:dyDescent="0.25">
      <c r="A40" s="119" t="s">
        <v>136</v>
      </c>
      <c r="B40" s="120"/>
      <c r="C40" s="46"/>
      <c r="D40" s="46"/>
      <c r="E40" s="47"/>
    </row>
    <row r="41" spans="1:6" s="4" customFormat="1" ht="24.95" customHeight="1" x14ac:dyDescent="0.25">
      <c r="A41" s="54" t="s">
        <v>98</v>
      </c>
      <c r="B41" s="55" t="s">
        <v>99</v>
      </c>
      <c r="C41" s="49"/>
      <c r="D41" s="117"/>
      <c r="E41" s="118"/>
    </row>
    <row r="42" spans="1:6" s="4" customFormat="1" ht="24.95" customHeight="1" x14ac:dyDescent="0.25">
      <c r="A42" s="54" t="s">
        <v>100</v>
      </c>
      <c r="B42" s="55" t="s">
        <v>101</v>
      </c>
      <c r="C42" s="49"/>
      <c r="D42" s="124"/>
      <c r="E42" s="125"/>
    </row>
    <row r="43" spans="1:6" s="4" customFormat="1" ht="24.95" customHeight="1" x14ac:dyDescent="0.25">
      <c r="A43" s="54" t="s">
        <v>102</v>
      </c>
      <c r="B43" s="55" t="s">
        <v>103</v>
      </c>
      <c r="C43" s="49"/>
      <c r="D43" s="124"/>
      <c r="E43" s="125"/>
    </row>
    <row r="44" spans="1:6" s="4" customFormat="1" ht="24.95" customHeight="1" x14ac:dyDescent="0.25">
      <c r="A44" s="54" t="s">
        <v>104</v>
      </c>
      <c r="B44" s="55" t="s">
        <v>105</v>
      </c>
      <c r="C44" s="49"/>
      <c r="D44" s="124"/>
      <c r="E44" s="125"/>
    </row>
    <row r="45" spans="1:6" s="4" customFormat="1" ht="24.95" customHeight="1" x14ac:dyDescent="0.25">
      <c r="A45" s="54" t="s">
        <v>106</v>
      </c>
      <c r="B45" s="55" t="s">
        <v>107</v>
      </c>
      <c r="C45" s="49"/>
      <c r="D45" s="124"/>
      <c r="E45" s="125"/>
    </row>
    <row r="46" spans="1:6" s="4" customFormat="1" ht="24.95" customHeight="1" x14ac:dyDescent="0.25">
      <c r="A46" s="54" t="s">
        <v>108</v>
      </c>
      <c r="B46" s="55" t="s">
        <v>109</v>
      </c>
      <c r="C46" s="49"/>
      <c r="D46" s="124"/>
      <c r="E46" s="125"/>
    </row>
    <row r="47" spans="1:6" s="4" customFormat="1" ht="24.95" customHeight="1" x14ac:dyDescent="0.25">
      <c r="A47" s="54" t="s">
        <v>110</v>
      </c>
      <c r="B47" s="55" t="s">
        <v>111</v>
      </c>
      <c r="C47" s="49"/>
      <c r="D47" s="124"/>
      <c r="E47" s="125"/>
    </row>
    <row r="48" spans="1:6" s="4" customFormat="1" ht="24.95" customHeight="1" x14ac:dyDescent="0.25">
      <c r="A48" s="54" t="s">
        <v>112</v>
      </c>
      <c r="B48" s="55" t="s">
        <v>113</v>
      </c>
      <c r="C48" s="49"/>
      <c r="D48" s="124"/>
      <c r="E48" s="125"/>
    </row>
    <row r="49" spans="1:5" s="4" customFormat="1" ht="24.95" customHeight="1" x14ac:dyDescent="0.25">
      <c r="A49" s="54" t="s">
        <v>114</v>
      </c>
      <c r="B49" s="55" t="s">
        <v>115</v>
      </c>
      <c r="C49" s="49"/>
      <c r="D49" s="124"/>
      <c r="E49" s="125"/>
    </row>
    <row r="50" spans="1:5" s="4" customFormat="1" ht="24.95" customHeight="1" x14ac:dyDescent="0.25">
      <c r="A50" s="54" t="s">
        <v>116</v>
      </c>
      <c r="B50" s="55" t="s">
        <v>117</v>
      </c>
      <c r="C50" s="49"/>
      <c r="D50" s="124"/>
      <c r="E50" s="125"/>
    </row>
    <row r="51" spans="1:5" s="4" customFormat="1" ht="24.95" customHeight="1" x14ac:dyDescent="0.25">
      <c r="A51" s="54" t="s">
        <v>118</v>
      </c>
      <c r="B51" s="55" t="s">
        <v>119</v>
      </c>
      <c r="C51" s="49"/>
      <c r="D51" s="117"/>
      <c r="E51" s="118"/>
    </row>
    <row r="52" spans="1:5" s="4" customFormat="1" ht="24.95" customHeight="1" x14ac:dyDescent="0.25">
      <c r="A52" s="54" t="s">
        <v>120</v>
      </c>
      <c r="B52" s="55" t="s">
        <v>121</v>
      </c>
      <c r="C52" s="49"/>
      <c r="D52" s="117"/>
      <c r="E52" s="118"/>
    </row>
    <row r="53" spans="1:5" s="4" customFormat="1" ht="24.95" customHeight="1" x14ac:dyDescent="0.25">
      <c r="A53" s="56" t="s">
        <v>122</v>
      </c>
      <c r="B53" s="55" t="s">
        <v>123</v>
      </c>
      <c r="C53" s="49"/>
      <c r="D53" s="117"/>
      <c r="E53" s="118"/>
    </row>
    <row r="54" spans="1:5" s="4" customFormat="1" ht="24.95" customHeight="1" x14ac:dyDescent="0.25">
      <c r="A54" s="56" t="s">
        <v>124</v>
      </c>
      <c r="B54" s="55" t="s">
        <v>125</v>
      </c>
      <c r="C54" s="49"/>
      <c r="D54" s="117"/>
      <c r="E54" s="118"/>
    </row>
    <row r="55" spans="1:5" s="4" customFormat="1" ht="24.95" customHeight="1" x14ac:dyDescent="0.25">
      <c r="A55" s="56" t="s">
        <v>126</v>
      </c>
      <c r="B55" s="55" t="s">
        <v>127</v>
      </c>
      <c r="C55" s="49"/>
      <c r="D55" s="117"/>
      <c r="E55" s="118"/>
    </row>
    <row r="56" spans="1:5" s="4" customFormat="1" ht="24.95" customHeight="1" x14ac:dyDescent="0.25">
      <c r="A56" s="56" t="s">
        <v>128</v>
      </c>
      <c r="B56" s="55" t="s">
        <v>129</v>
      </c>
      <c r="C56" s="49"/>
      <c r="D56" s="117"/>
      <c r="E56" s="118"/>
    </row>
    <row r="57" spans="1:5" s="4" customFormat="1" ht="24.95" customHeight="1" x14ac:dyDescent="0.25">
      <c r="A57" s="56" t="s">
        <v>130</v>
      </c>
      <c r="B57" s="55" t="s">
        <v>131</v>
      </c>
      <c r="C57" s="49"/>
      <c r="D57" s="117"/>
      <c r="E57" s="118"/>
    </row>
    <row r="58" spans="1:5" s="4" customFormat="1" ht="24.95" customHeight="1" x14ac:dyDescent="0.25">
      <c r="A58" s="56" t="s">
        <v>132</v>
      </c>
      <c r="B58" s="55" t="s">
        <v>133</v>
      </c>
      <c r="C58" s="49"/>
      <c r="D58" s="117"/>
      <c r="E58" s="118"/>
    </row>
    <row r="59" spans="1:5" s="4" customFormat="1" ht="24.95" customHeight="1" thickBot="1" x14ac:dyDescent="0.3">
      <c r="A59" s="69" t="s">
        <v>134</v>
      </c>
      <c r="B59" s="70" t="s">
        <v>135</v>
      </c>
      <c r="C59" s="49"/>
      <c r="D59" s="117"/>
      <c r="E59" s="118"/>
    </row>
    <row r="60" spans="1:5" s="28" customFormat="1" ht="30.75" customHeight="1" x14ac:dyDescent="0.25">
      <c r="A60" s="119" t="s">
        <v>137</v>
      </c>
      <c r="B60" s="120"/>
      <c r="C60" s="46"/>
      <c r="D60" s="46"/>
      <c r="E60" s="47"/>
    </row>
    <row r="61" spans="1:5" s="4" customFormat="1" ht="24.95" customHeight="1" x14ac:dyDescent="0.25">
      <c r="A61" s="54" t="s">
        <v>138</v>
      </c>
      <c r="B61" s="55" t="s">
        <v>99</v>
      </c>
      <c r="C61" s="49"/>
      <c r="D61" s="117"/>
      <c r="E61" s="118"/>
    </row>
    <row r="62" spans="1:5" s="4" customFormat="1" ht="24.95" customHeight="1" x14ac:dyDescent="0.25">
      <c r="A62" s="54" t="s">
        <v>139</v>
      </c>
      <c r="B62" s="55" t="s">
        <v>140</v>
      </c>
      <c r="C62" s="49"/>
      <c r="D62" s="124"/>
      <c r="E62" s="125"/>
    </row>
    <row r="63" spans="1:5" s="4" customFormat="1" ht="24.95" customHeight="1" x14ac:dyDescent="0.25">
      <c r="A63" s="54" t="s">
        <v>141</v>
      </c>
      <c r="B63" s="55" t="s">
        <v>103</v>
      </c>
      <c r="C63" s="49"/>
      <c r="D63" s="124"/>
      <c r="E63" s="125"/>
    </row>
    <row r="64" spans="1:5" s="4" customFormat="1" ht="24.95" customHeight="1" x14ac:dyDescent="0.25">
      <c r="A64" s="54" t="s">
        <v>142</v>
      </c>
      <c r="B64" s="55" t="s">
        <v>105</v>
      </c>
      <c r="C64" s="49"/>
      <c r="D64" s="124"/>
      <c r="E64" s="125"/>
    </row>
    <row r="65" spans="1:5" s="4" customFormat="1" ht="24.95" customHeight="1" x14ac:dyDescent="0.25">
      <c r="A65" s="54" t="s">
        <v>143</v>
      </c>
      <c r="B65" s="55" t="s">
        <v>107</v>
      </c>
      <c r="C65" s="49"/>
      <c r="D65" s="124"/>
      <c r="E65" s="125"/>
    </row>
    <row r="66" spans="1:5" s="4" customFormat="1" ht="24.95" customHeight="1" x14ac:dyDescent="0.25">
      <c r="A66" s="54" t="s">
        <v>144</v>
      </c>
      <c r="B66" s="55" t="s">
        <v>154</v>
      </c>
      <c r="C66" s="49"/>
      <c r="D66" s="124"/>
      <c r="E66" s="125"/>
    </row>
    <row r="67" spans="1:5" s="4" customFormat="1" ht="24.95" customHeight="1" x14ac:dyDescent="0.25">
      <c r="A67" s="54" t="s">
        <v>145</v>
      </c>
      <c r="B67" s="55" t="s">
        <v>111</v>
      </c>
      <c r="C67" s="49"/>
      <c r="D67" s="124"/>
      <c r="E67" s="125"/>
    </row>
    <row r="68" spans="1:5" s="4" customFormat="1" ht="24.95" customHeight="1" x14ac:dyDescent="0.25">
      <c r="A68" s="54" t="s">
        <v>146</v>
      </c>
      <c r="B68" s="55" t="s">
        <v>147</v>
      </c>
      <c r="C68" s="49"/>
      <c r="D68" s="124"/>
      <c r="E68" s="125"/>
    </row>
    <row r="69" spans="1:5" s="4" customFormat="1" ht="24.95" customHeight="1" x14ac:dyDescent="0.25">
      <c r="A69" s="54" t="s">
        <v>148</v>
      </c>
      <c r="B69" s="55" t="s">
        <v>117</v>
      </c>
      <c r="C69" s="49"/>
      <c r="D69" s="124"/>
      <c r="E69" s="125"/>
    </row>
    <row r="70" spans="1:5" s="4" customFormat="1" ht="24.95" customHeight="1" x14ac:dyDescent="0.25">
      <c r="A70" s="54" t="s">
        <v>149</v>
      </c>
      <c r="B70" s="55" t="s">
        <v>119</v>
      </c>
      <c r="C70" s="49"/>
      <c r="D70" s="124"/>
      <c r="E70" s="125"/>
    </row>
    <row r="71" spans="1:5" s="4" customFormat="1" ht="24.95" customHeight="1" x14ac:dyDescent="0.25">
      <c r="A71" s="54" t="s">
        <v>150</v>
      </c>
      <c r="B71" s="55" t="s">
        <v>121</v>
      </c>
      <c r="C71" s="49"/>
      <c r="D71" s="117"/>
      <c r="E71" s="118"/>
    </row>
    <row r="72" spans="1:5" s="4" customFormat="1" ht="24.95" customHeight="1" x14ac:dyDescent="0.25">
      <c r="A72" s="54" t="s">
        <v>151</v>
      </c>
      <c r="B72" s="55" t="s">
        <v>156</v>
      </c>
      <c r="C72" s="49"/>
      <c r="D72" s="117"/>
      <c r="E72" s="118"/>
    </row>
    <row r="73" spans="1:5" s="4" customFormat="1" ht="24.95" customHeight="1" x14ac:dyDescent="0.25">
      <c r="A73" s="56" t="s">
        <v>152</v>
      </c>
      <c r="B73" s="55" t="s">
        <v>125</v>
      </c>
      <c r="C73" s="49"/>
      <c r="D73" s="117"/>
      <c r="E73" s="118"/>
    </row>
    <row r="74" spans="1:5" s="4" customFormat="1" ht="24.95" customHeight="1" x14ac:dyDescent="0.25">
      <c r="A74" s="56" t="s">
        <v>126</v>
      </c>
      <c r="B74" s="55" t="s">
        <v>127</v>
      </c>
      <c r="C74" s="49"/>
      <c r="D74" s="117"/>
      <c r="E74" s="118"/>
    </row>
    <row r="75" spans="1:5" s="4" customFormat="1" ht="24.95" customHeight="1" x14ac:dyDescent="0.25">
      <c r="A75" s="56" t="s">
        <v>128</v>
      </c>
      <c r="B75" s="55" t="s">
        <v>129</v>
      </c>
      <c r="C75" s="49"/>
      <c r="D75" s="117"/>
      <c r="E75" s="118"/>
    </row>
    <row r="76" spans="1:5" s="4" customFormat="1" ht="24.95" customHeight="1" x14ac:dyDescent="0.25">
      <c r="A76" s="56" t="s">
        <v>130</v>
      </c>
      <c r="B76" s="55" t="s">
        <v>131</v>
      </c>
      <c r="C76" s="49"/>
      <c r="D76" s="117"/>
      <c r="E76" s="118"/>
    </row>
    <row r="77" spans="1:5" s="4" customFormat="1" ht="24.95" customHeight="1" x14ac:dyDescent="0.25">
      <c r="A77" s="56" t="s">
        <v>132</v>
      </c>
      <c r="B77" s="55" t="s">
        <v>133</v>
      </c>
      <c r="C77" s="49"/>
      <c r="D77" s="117"/>
      <c r="E77" s="118"/>
    </row>
    <row r="78" spans="1:5" s="4" customFormat="1" ht="24.95" customHeight="1" thickBot="1" x14ac:dyDescent="0.3">
      <c r="A78" s="69" t="s">
        <v>153</v>
      </c>
      <c r="B78" s="70" t="s">
        <v>135</v>
      </c>
      <c r="C78" s="49"/>
      <c r="D78" s="117"/>
      <c r="E78" s="118"/>
    </row>
    <row r="79" spans="1:5" s="3" customFormat="1" ht="5.0999999999999996" customHeight="1" x14ac:dyDescent="0.25">
      <c r="A79" s="5"/>
      <c r="B79" s="5"/>
      <c r="C79" s="57"/>
      <c r="D79" s="7"/>
      <c r="E79" s="29"/>
    </row>
    <row r="80" spans="1:5" s="2" customFormat="1" ht="20.100000000000001" customHeight="1" x14ac:dyDescent="0.25">
      <c r="A80" s="90" t="s">
        <v>48</v>
      </c>
      <c r="B80" s="90"/>
      <c r="C80" s="90"/>
      <c r="D80" s="90"/>
      <c r="E80" s="90"/>
    </row>
    <row r="81" spans="1:6" s="2" customFormat="1" ht="5.0999999999999996" customHeight="1" thickBot="1" x14ac:dyDescent="0.3">
      <c r="A81" s="17"/>
      <c r="C81" s="6"/>
      <c r="D81" s="6"/>
      <c r="E81" s="6"/>
    </row>
    <row r="82" spans="1:6" s="3" customFormat="1" ht="69" customHeight="1" x14ac:dyDescent="0.25">
      <c r="A82" s="96" t="s">
        <v>7</v>
      </c>
      <c r="B82" s="97"/>
      <c r="C82" s="100" t="s">
        <v>28</v>
      </c>
      <c r="D82" s="101"/>
      <c r="E82" s="102"/>
    </row>
    <row r="83" spans="1:6" s="3" customFormat="1" ht="30" customHeight="1" thickBot="1" x14ac:dyDescent="0.3">
      <c r="A83" s="98"/>
      <c r="B83" s="99"/>
      <c r="C83" s="27" t="s">
        <v>6</v>
      </c>
      <c r="D83" s="122" t="s">
        <v>29</v>
      </c>
      <c r="E83" s="123"/>
    </row>
    <row r="84" spans="1:6" s="3" customFormat="1" ht="50.1" customHeight="1" x14ac:dyDescent="0.25">
      <c r="A84" s="79" t="s">
        <v>15</v>
      </c>
      <c r="B84" s="82" t="s">
        <v>158</v>
      </c>
      <c r="C84" s="58"/>
      <c r="D84" s="115"/>
      <c r="E84" s="116"/>
    </row>
    <row r="85" spans="1:6" s="2" customFormat="1" ht="57.75" customHeight="1" x14ac:dyDescent="0.25">
      <c r="A85" s="80" t="s">
        <v>59</v>
      </c>
      <c r="B85" s="82" t="s">
        <v>159</v>
      </c>
      <c r="C85" s="59"/>
      <c r="D85" s="113"/>
      <c r="E85" s="114"/>
      <c r="F85" s="88"/>
    </row>
    <row r="86" spans="1:6" s="2" customFormat="1" ht="42.75" customHeight="1" x14ac:dyDescent="0.25">
      <c r="A86" s="80" t="s">
        <v>60</v>
      </c>
      <c r="B86" s="82" t="s">
        <v>160</v>
      </c>
      <c r="C86" s="59"/>
      <c r="D86" s="113"/>
      <c r="E86" s="114"/>
      <c r="F86" s="88"/>
    </row>
    <row r="87" spans="1:6" s="2" customFormat="1" ht="39.950000000000003" customHeight="1" x14ac:dyDescent="0.25">
      <c r="A87" s="80" t="s">
        <v>70</v>
      </c>
      <c r="B87" s="82" t="s">
        <v>161</v>
      </c>
      <c r="C87" s="59"/>
      <c r="D87" s="113"/>
      <c r="E87" s="114"/>
      <c r="F87" s="88"/>
    </row>
    <row r="88" spans="1:6" s="3" customFormat="1" ht="29.25" customHeight="1" x14ac:dyDescent="0.25">
      <c r="A88" s="80" t="s">
        <v>71</v>
      </c>
      <c r="B88" s="82" t="s">
        <v>162</v>
      </c>
      <c r="C88" s="59"/>
      <c r="D88" s="113"/>
      <c r="E88" s="114"/>
      <c r="F88" s="88"/>
    </row>
    <row r="89" spans="1:6" s="3" customFormat="1" ht="39" customHeight="1" x14ac:dyDescent="0.25">
      <c r="A89" s="80" t="s">
        <v>72</v>
      </c>
      <c r="B89" s="82" t="s">
        <v>163</v>
      </c>
      <c r="C89" s="59"/>
      <c r="D89" s="113"/>
      <c r="E89" s="114"/>
      <c r="F89" s="88"/>
    </row>
    <row r="90" spans="1:6" s="3" customFormat="1" ht="50.1" customHeight="1" x14ac:dyDescent="0.25">
      <c r="A90" s="80" t="s">
        <v>73</v>
      </c>
      <c r="B90" s="82" t="s">
        <v>164</v>
      </c>
      <c r="C90" s="59"/>
      <c r="D90" s="113"/>
      <c r="E90" s="114"/>
      <c r="F90" s="88"/>
    </row>
    <row r="91" spans="1:6" s="2" customFormat="1" ht="131.25" customHeight="1" x14ac:dyDescent="0.25">
      <c r="A91" s="80" t="s">
        <v>74</v>
      </c>
      <c r="B91" s="82" t="s">
        <v>165</v>
      </c>
      <c r="C91" s="59"/>
      <c r="D91" s="113"/>
      <c r="E91" s="114"/>
      <c r="F91" s="88"/>
    </row>
    <row r="92" spans="1:6" s="2" customFormat="1" ht="142.5" customHeight="1" x14ac:dyDescent="0.25">
      <c r="A92" s="80" t="s">
        <v>61</v>
      </c>
      <c r="B92" s="82" t="s">
        <v>166</v>
      </c>
      <c r="C92" s="59"/>
      <c r="D92" s="113"/>
      <c r="E92" s="114"/>
    </row>
    <row r="93" spans="1:6" s="2" customFormat="1" ht="55.5" customHeight="1" x14ac:dyDescent="0.25">
      <c r="A93" s="80" t="s">
        <v>62</v>
      </c>
      <c r="B93" s="82" t="s">
        <v>167</v>
      </c>
      <c r="C93" s="59"/>
      <c r="D93" s="113"/>
      <c r="E93" s="114"/>
    </row>
    <row r="94" spans="1:6" s="3" customFormat="1" ht="60.75" customHeight="1" x14ac:dyDescent="0.25">
      <c r="A94" s="80" t="s">
        <v>63</v>
      </c>
      <c r="B94" s="82" t="s">
        <v>168</v>
      </c>
      <c r="C94" s="59"/>
      <c r="D94" s="113"/>
      <c r="E94" s="114"/>
    </row>
    <row r="95" spans="1:6" s="31" customFormat="1" ht="79.5" customHeight="1" x14ac:dyDescent="0.25">
      <c r="A95" s="80" t="s">
        <v>64</v>
      </c>
      <c r="B95" s="85" t="s">
        <v>169</v>
      </c>
      <c r="C95" s="59"/>
      <c r="D95" s="140"/>
      <c r="E95" s="141"/>
    </row>
    <row r="96" spans="1:6" s="31" customFormat="1" ht="84.75" customHeight="1" x14ac:dyDescent="0.25">
      <c r="A96" s="80" t="s">
        <v>65</v>
      </c>
      <c r="B96" s="84" t="s">
        <v>170</v>
      </c>
      <c r="C96" s="59"/>
      <c r="D96" s="140"/>
      <c r="E96" s="141"/>
    </row>
    <row r="97" spans="1:5" s="2" customFormat="1" ht="300" customHeight="1" x14ac:dyDescent="0.25">
      <c r="A97" s="80" t="s">
        <v>66</v>
      </c>
      <c r="B97" s="82" t="s">
        <v>171</v>
      </c>
      <c r="C97" s="59"/>
      <c r="D97" s="113"/>
      <c r="E97" s="114"/>
    </row>
    <row r="98" spans="1:5" s="2" customFormat="1" ht="134.25" customHeight="1" x14ac:dyDescent="0.25">
      <c r="A98" s="80" t="s">
        <v>75</v>
      </c>
      <c r="B98" s="82" t="s">
        <v>172</v>
      </c>
      <c r="C98" s="59"/>
      <c r="D98" s="113"/>
      <c r="E98" s="114"/>
    </row>
    <row r="99" spans="1:5" s="2" customFormat="1" ht="286.5" customHeight="1" x14ac:dyDescent="0.25">
      <c r="A99" s="80" t="s">
        <v>76</v>
      </c>
      <c r="B99" s="82" t="s">
        <v>173</v>
      </c>
      <c r="C99" s="59"/>
      <c r="D99" s="113"/>
      <c r="E99" s="114"/>
    </row>
    <row r="100" spans="1:5" s="3" customFormat="1" ht="141.75" customHeight="1" x14ac:dyDescent="0.25">
      <c r="A100" s="80" t="s">
        <v>77</v>
      </c>
      <c r="B100" s="82" t="s">
        <v>174</v>
      </c>
      <c r="C100" s="59"/>
      <c r="D100" s="113"/>
      <c r="E100" s="114"/>
    </row>
    <row r="101" spans="1:5" s="2" customFormat="1" ht="77.25" customHeight="1" x14ac:dyDescent="0.25">
      <c r="A101" s="80" t="s">
        <v>78</v>
      </c>
      <c r="B101" s="82" t="s">
        <v>175</v>
      </c>
      <c r="C101" s="59"/>
      <c r="D101" s="113"/>
      <c r="E101" s="114"/>
    </row>
    <row r="102" spans="1:5" s="3" customFormat="1" ht="165.75" customHeight="1" x14ac:dyDescent="0.25">
      <c r="A102" s="80" t="s">
        <v>79</v>
      </c>
      <c r="B102" s="82" t="s">
        <v>176</v>
      </c>
      <c r="C102" s="59"/>
      <c r="D102" s="113"/>
      <c r="E102" s="114"/>
    </row>
    <row r="103" spans="1:5" s="2" customFormat="1" ht="115.5" customHeight="1" x14ac:dyDescent="0.25">
      <c r="A103" s="80" t="s">
        <v>80</v>
      </c>
      <c r="B103" s="82" t="s">
        <v>177</v>
      </c>
      <c r="C103" s="59"/>
      <c r="D103" s="113"/>
      <c r="E103" s="114"/>
    </row>
    <row r="104" spans="1:5" s="2" customFormat="1" ht="48" customHeight="1" x14ac:dyDescent="0.25">
      <c r="A104" s="80" t="s">
        <v>81</v>
      </c>
      <c r="B104" s="82" t="s">
        <v>178</v>
      </c>
      <c r="C104" s="59"/>
      <c r="D104" s="113"/>
      <c r="E104" s="114"/>
    </row>
    <row r="105" spans="1:5" s="3" customFormat="1" ht="63.75" customHeight="1" x14ac:dyDescent="0.25">
      <c r="A105" s="80" t="s">
        <v>82</v>
      </c>
      <c r="B105" s="82" t="s">
        <v>179</v>
      </c>
      <c r="C105" s="59"/>
      <c r="D105" s="113"/>
      <c r="E105" s="114"/>
    </row>
    <row r="106" spans="1:5" s="3" customFormat="1" ht="80.25" customHeight="1" x14ac:dyDescent="0.25">
      <c r="A106" s="80" t="s">
        <v>83</v>
      </c>
      <c r="B106" s="82" t="s">
        <v>180</v>
      </c>
      <c r="C106" s="59"/>
      <c r="D106" s="113"/>
      <c r="E106" s="114"/>
    </row>
    <row r="107" spans="1:5" s="3" customFormat="1" ht="90.75" customHeight="1" x14ac:dyDescent="0.25">
      <c r="A107" s="80" t="s">
        <v>84</v>
      </c>
      <c r="B107" s="82" t="s">
        <v>181</v>
      </c>
      <c r="C107" s="59"/>
      <c r="D107" s="113"/>
      <c r="E107" s="114"/>
    </row>
    <row r="108" spans="1:5" ht="213" customHeight="1" x14ac:dyDescent="0.2">
      <c r="A108" s="81" t="s">
        <v>85</v>
      </c>
      <c r="B108" s="83" t="s">
        <v>182</v>
      </c>
      <c r="C108" s="59"/>
      <c r="D108" s="140"/>
      <c r="E108" s="141"/>
    </row>
    <row r="109" spans="1:5" s="2" customFormat="1" ht="111" customHeight="1" x14ac:dyDescent="0.25">
      <c r="A109" s="80" t="s">
        <v>86</v>
      </c>
      <c r="B109" s="82" t="s">
        <v>183</v>
      </c>
      <c r="C109" s="59"/>
      <c r="D109" s="113"/>
      <c r="E109" s="114"/>
    </row>
    <row r="110" spans="1:5" s="2" customFormat="1" ht="129.75" customHeight="1" x14ac:dyDescent="0.25">
      <c r="A110" s="80" t="s">
        <v>87</v>
      </c>
      <c r="B110" s="82" t="s">
        <v>184</v>
      </c>
      <c r="C110" s="60"/>
      <c r="D110" s="140"/>
      <c r="E110" s="141"/>
    </row>
    <row r="111" spans="1:5" s="2" customFormat="1" ht="86.25" customHeight="1" thickBot="1" x14ac:dyDescent="0.3">
      <c r="A111" s="86" t="s">
        <v>88</v>
      </c>
      <c r="B111" s="87" t="s">
        <v>185</v>
      </c>
      <c r="C111" s="61"/>
      <c r="D111" s="142"/>
      <c r="E111" s="143"/>
    </row>
    <row r="112" spans="1:5" s="66" customFormat="1" ht="26.25" customHeight="1" x14ac:dyDescent="0.25">
      <c r="A112" s="62"/>
      <c r="B112" s="63"/>
      <c r="C112" s="64"/>
      <c r="D112" s="64"/>
      <c r="E112" s="65"/>
    </row>
    <row r="113" spans="1:6" s="2" customFormat="1" ht="20.100000000000001" customHeight="1" x14ac:dyDescent="0.25">
      <c r="A113" s="144" t="s">
        <v>54</v>
      </c>
      <c r="B113" s="144"/>
      <c r="C113" s="144"/>
      <c r="D113" s="144"/>
      <c r="E113" s="144"/>
      <c r="F113" s="88"/>
    </row>
    <row r="114" spans="1:6" s="2" customFormat="1" ht="4.5" customHeight="1" thickBot="1" x14ac:dyDescent="0.3">
      <c r="F114" s="88"/>
    </row>
    <row r="115" spans="1:6" s="2" customFormat="1" ht="80.25" customHeight="1" x14ac:dyDescent="0.25">
      <c r="A115" s="96" t="s">
        <v>67</v>
      </c>
      <c r="B115" s="97"/>
      <c r="C115" s="100" t="s">
        <v>55</v>
      </c>
      <c r="D115" s="101"/>
      <c r="E115" s="102"/>
      <c r="F115" s="88"/>
    </row>
    <row r="116" spans="1:6" s="3" customFormat="1" ht="29.25" customHeight="1" thickBot="1" x14ac:dyDescent="0.3">
      <c r="A116" s="98"/>
      <c r="B116" s="99"/>
      <c r="C116" s="27" t="s">
        <v>6</v>
      </c>
      <c r="D116" s="122" t="s">
        <v>29</v>
      </c>
      <c r="E116" s="123"/>
      <c r="F116" s="88"/>
    </row>
    <row r="117" spans="1:6" s="3" customFormat="1" ht="39" customHeight="1" x14ac:dyDescent="0.25">
      <c r="A117" s="76" t="s">
        <v>30</v>
      </c>
      <c r="B117" s="67" t="s">
        <v>58</v>
      </c>
      <c r="C117" s="77"/>
      <c r="D117" s="132"/>
      <c r="E117" s="133"/>
      <c r="F117" s="88"/>
    </row>
    <row r="118" spans="1:6" s="3" customFormat="1" ht="27.95" customHeight="1" x14ac:dyDescent="0.25">
      <c r="A118" s="13" t="s">
        <v>31</v>
      </c>
      <c r="B118" s="68" t="s">
        <v>57</v>
      </c>
      <c r="C118" s="43"/>
      <c r="D118" s="134"/>
      <c r="E118" s="135"/>
      <c r="F118" s="88"/>
    </row>
    <row r="119" spans="1:6" s="2" customFormat="1" ht="36.6" customHeight="1" thickBot="1" x14ac:dyDescent="0.3">
      <c r="A119" s="13" t="s">
        <v>32</v>
      </c>
      <c r="B119" s="73" t="s">
        <v>56</v>
      </c>
      <c r="C119" s="44"/>
      <c r="D119" s="134"/>
      <c r="E119" s="135"/>
      <c r="F119" s="88"/>
    </row>
    <row r="120" spans="1:6" s="2" customFormat="1" ht="69.95" customHeight="1" thickBot="1" x14ac:dyDescent="0.3">
      <c r="A120" s="78" t="s">
        <v>155</v>
      </c>
      <c r="B120" s="72" t="s">
        <v>157</v>
      </c>
      <c r="C120" s="44"/>
      <c r="D120" s="145"/>
      <c r="E120" s="146"/>
      <c r="F120" s="88"/>
    </row>
    <row r="121" spans="1:6" s="2" customFormat="1" ht="5.0999999999999996" customHeight="1" x14ac:dyDescent="0.25">
      <c r="A121" s="5"/>
      <c r="B121" s="5"/>
      <c r="C121" s="7"/>
      <c r="D121" s="7"/>
      <c r="E121" s="29"/>
    </row>
    <row r="122" spans="1:6" s="2" customFormat="1" ht="20.100000000000001" customHeight="1" x14ac:dyDescent="0.25">
      <c r="A122" s="90" t="s">
        <v>14</v>
      </c>
      <c r="B122" s="90"/>
      <c r="C122" s="90"/>
      <c r="D122" s="90"/>
      <c r="E122" s="90"/>
    </row>
    <row r="123" spans="1:6" s="66" customFormat="1" ht="30" customHeight="1" x14ac:dyDescent="0.25">
      <c r="A123" s="65" t="s">
        <v>16</v>
      </c>
      <c r="B123" s="147" t="s">
        <v>186</v>
      </c>
      <c r="C123" s="147"/>
      <c r="D123" s="147"/>
      <c r="E123" s="147"/>
    </row>
    <row r="124" spans="1:6" s="31" customFormat="1" ht="30" customHeight="1" x14ac:dyDescent="0.25">
      <c r="A124" s="5" t="s">
        <v>33</v>
      </c>
      <c r="B124" s="138" t="s">
        <v>34</v>
      </c>
      <c r="C124" s="138"/>
      <c r="D124" s="138"/>
      <c r="E124" s="138"/>
    </row>
    <row r="125" spans="1:6" s="31" customFormat="1" ht="30" customHeight="1" x14ac:dyDescent="0.25">
      <c r="A125" s="139" t="s">
        <v>35</v>
      </c>
      <c r="B125" s="139"/>
      <c r="C125" s="139"/>
      <c r="D125" s="139"/>
      <c r="E125" s="3"/>
    </row>
    <row r="126" spans="1:6" s="2" customFormat="1" ht="28.5" customHeight="1" x14ac:dyDescent="0.25">
      <c r="A126" s="30" t="s">
        <v>36</v>
      </c>
      <c r="B126" s="137"/>
      <c r="C126" s="137"/>
      <c r="E126" s="31"/>
    </row>
    <row r="127" spans="1:6" s="2" customFormat="1" ht="27" customHeight="1" x14ac:dyDescent="0.25">
      <c r="A127" s="30" t="s">
        <v>37</v>
      </c>
      <c r="B127" s="129"/>
      <c r="C127" s="129"/>
      <c r="E127" s="31"/>
    </row>
    <row r="128" spans="1:6" s="2" customFormat="1" ht="26.45" customHeight="1" x14ac:dyDescent="0.25">
      <c r="A128" s="30" t="s">
        <v>38</v>
      </c>
      <c r="B128" s="129"/>
      <c r="C128" s="129"/>
      <c r="E128" s="31"/>
    </row>
    <row r="129" spans="1:5" s="3" customFormat="1" ht="29.1" customHeight="1" x14ac:dyDescent="0.25">
      <c r="A129" s="30" t="s">
        <v>39</v>
      </c>
      <c r="B129" s="129"/>
      <c r="C129" s="129"/>
      <c r="D129" s="2"/>
      <c r="E129" s="32"/>
    </row>
    <row r="130" spans="1:5" s="2" customFormat="1" ht="46.5" customHeight="1" x14ac:dyDescent="0.2">
      <c r="A130" s="11"/>
      <c r="B130" s="12"/>
      <c r="C130" s="12"/>
      <c r="E130" s="33"/>
    </row>
    <row r="131" spans="1:5" s="3" customFormat="1" ht="15" customHeight="1" x14ac:dyDescent="0.25">
      <c r="A131" s="130" t="s">
        <v>40</v>
      </c>
      <c r="B131" s="130"/>
      <c r="C131" s="130"/>
      <c r="D131" s="130"/>
      <c r="E131" s="130"/>
    </row>
    <row r="132" spans="1:5" s="2" customFormat="1" ht="36.75" customHeight="1" x14ac:dyDescent="0.25">
      <c r="A132" s="131" t="s">
        <v>51</v>
      </c>
      <c r="B132" s="131"/>
      <c r="C132" s="131"/>
      <c r="D132" s="131"/>
      <c r="E132" s="131"/>
    </row>
    <row r="133" spans="1:5" s="2" customFormat="1" ht="20.100000000000001" customHeight="1" x14ac:dyDescent="0.2">
      <c r="A133" s="1"/>
      <c r="B133" s="1"/>
      <c r="C133" s="8"/>
      <c r="D133" s="8"/>
    </row>
    <row r="134" spans="1:5" s="3" customFormat="1" ht="4.5" customHeight="1" x14ac:dyDescent="0.2">
      <c r="A134" s="1"/>
      <c r="B134" s="1"/>
      <c r="C134" s="8"/>
      <c r="D134" s="8"/>
      <c r="E134" s="2"/>
    </row>
    <row r="135" spans="1:5" s="3" customFormat="1" ht="20.100000000000001" customHeight="1" x14ac:dyDescent="0.25">
      <c r="A135" s="34" t="s">
        <v>41</v>
      </c>
      <c r="B135" s="52"/>
      <c r="C135" s="35" t="s">
        <v>42</v>
      </c>
      <c r="D135" s="136"/>
      <c r="E135" s="136"/>
    </row>
    <row r="136" spans="1:5" s="3" customFormat="1" ht="20.100000000000001" customHeight="1" x14ac:dyDescent="0.25">
      <c r="A136" s="48" t="s">
        <v>43</v>
      </c>
      <c r="B136" s="53"/>
      <c r="C136" s="36"/>
      <c r="D136" s="37"/>
      <c r="E136" s="37"/>
    </row>
    <row r="137" spans="1:5" ht="20.100000000000001" customHeight="1" x14ac:dyDescent="0.2">
      <c r="C137" s="38" t="s">
        <v>44</v>
      </c>
      <c r="D137" s="137"/>
      <c r="E137" s="137"/>
    </row>
    <row r="138" spans="1:5" s="2" customFormat="1" ht="20.100000000000001" customHeight="1" x14ac:dyDescent="0.2">
      <c r="A138" s="1"/>
      <c r="B138" s="1"/>
      <c r="C138" s="38" t="s">
        <v>45</v>
      </c>
      <c r="D138" s="129"/>
      <c r="E138" s="129"/>
    </row>
    <row r="139" spans="1:5" s="2" customFormat="1" ht="20.100000000000001" customHeight="1" x14ac:dyDescent="0.2">
      <c r="A139" s="1"/>
      <c r="B139" s="1"/>
      <c r="C139" s="39" t="s">
        <v>46</v>
      </c>
      <c r="D139" s="1"/>
    </row>
    <row r="140" spans="1:5" s="2" customFormat="1" ht="37.5" customHeight="1" x14ac:dyDescent="0.25"/>
    <row r="141" spans="1:5" s="2" customFormat="1" ht="24" customHeight="1" x14ac:dyDescent="0.25"/>
    <row r="142" spans="1:5" s="2" customFormat="1" ht="24" customHeight="1" x14ac:dyDescent="0.25"/>
    <row r="143" spans="1:5" s="2" customFormat="1" ht="24" customHeight="1" x14ac:dyDescent="0.25"/>
    <row r="144" spans="1:5" s="2" customFormat="1" ht="20.100000000000001" customHeight="1" x14ac:dyDescent="0.25"/>
    <row r="145" spans="1:4" s="2" customFormat="1" ht="20.100000000000001" customHeight="1" x14ac:dyDescent="0.25"/>
    <row r="146" spans="1:4" s="2" customFormat="1" ht="50.1" customHeight="1" x14ac:dyDescent="0.25"/>
    <row r="147" spans="1:4" s="2" customFormat="1" ht="43.5" customHeight="1" x14ac:dyDescent="0.25"/>
    <row r="148" spans="1:4" ht="24.75" customHeight="1" x14ac:dyDescent="0.2">
      <c r="A148" s="2"/>
      <c r="B148" s="2"/>
      <c r="C148" s="2"/>
      <c r="D148" s="2"/>
    </row>
    <row r="149" spans="1:4" x14ac:dyDescent="0.2">
      <c r="A149" s="2"/>
      <c r="B149" s="2"/>
      <c r="C149" s="2"/>
      <c r="D149" s="2"/>
    </row>
    <row r="150" spans="1:4" ht="20.100000000000001" customHeight="1" x14ac:dyDescent="0.2"/>
    <row r="151" spans="1:4" ht="4.5" customHeight="1" x14ac:dyDescent="0.2"/>
    <row r="152" spans="1:4" ht="20.100000000000001" customHeight="1" x14ac:dyDescent="0.2"/>
    <row r="153" spans="1:4" ht="20.100000000000001" customHeight="1" x14ac:dyDescent="0.2"/>
    <row r="154" spans="1:4" ht="20.100000000000001" customHeight="1" x14ac:dyDescent="0.2"/>
  </sheetData>
  <mergeCells count="121">
    <mergeCell ref="D104:E104"/>
    <mergeCell ref="D105:E105"/>
    <mergeCell ref="D106:E106"/>
    <mergeCell ref="D100:E100"/>
    <mergeCell ref="D101:E101"/>
    <mergeCell ref="D92:E92"/>
    <mergeCell ref="D93:E93"/>
    <mergeCell ref="D94:E94"/>
    <mergeCell ref="D95:E95"/>
    <mergeCell ref="D96:E96"/>
    <mergeCell ref="D98:E98"/>
    <mergeCell ref="D99:E99"/>
    <mergeCell ref="D42:E42"/>
    <mergeCell ref="D43:E43"/>
    <mergeCell ref="D44:E44"/>
    <mergeCell ref="D45:E45"/>
    <mergeCell ref="D46:E46"/>
    <mergeCell ref="D67:E67"/>
    <mergeCell ref="D68:E68"/>
    <mergeCell ref="D69:E69"/>
    <mergeCell ref="D70:E70"/>
    <mergeCell ref="D62:E62"/>
    <mergeCell ref="D63:E63"/>
    <mergeCell ref="D64:E64"/>
    <mergeCell ref="D65:E65"/>
    <mergeCell ref="D66:E66"/>
    <mergeCell ref="A125:D125"/>
    <mergeCell ref="D107:E107"/>
    <mergeCell ref="D108:E108"/>
    <mergeCell ref="D109:E109"/>
    <mergeCell ref="D110:E110"/>
    <mergeCell ref="D111:E111"/>
    <mergeCell ref="A113:E113"/>
    <mergeCell ref="D120:E120"/>
    <mergeCell ref="D47:E47"/>
    <mergeCell ref="D48:E48"/>
    <mergeCell ref="D49:E49"/>
    <mergeCell ref="A60:B60"/>
    <mergeCell ref="D61:E61"/>
    <mergeCell ref="D71:E71"/>
    <mergeCell ref="D77:E77"/>
    <mergeCell ref="D78:E78"/>
    <mergeCell ref="D119:E119"/>
    <mergeCell ref="D72:E72"/>
    <mergeCell ref="D73:E73"/>
    <mergeCell ref="D74:E74"/>
    <mergeCell ref="D75:E75"/>
    <mergeCell ref="D76:E76"/>
    <mergeCell ref="D102:E102"/>
    <mergeCell ref="D103:E103"/>
    <mergeCell ref="D91:E91"/>
    <mergeCell ref="D86:E86"/>
    <mergeCell ref="D87:E87"/>
    <mergeCell ref="D88:E88"/>
    <mergeCell ref="D89:E89"/>
    <mergeCell ref="D90:E90"/>
    <mergeCell ref="D138:E138"/>
    <mergeCell ref="A131:E131"/>
    <mergeCell ref="A132:E132"/>
    <mergeCell ref="A115:B116"/>
    <mergeCell ref="C115:E115"/>
    <mergeCell ref="D116:E116"/>
    <mergeCell ref="D117:E117"/>
    <mergeCell ref="D118:E118"/>
    <mergeCell ref="D135:E135"/>
    <mergeCell ref="D137:E137"/>
    <mergeCell ref="B126:C126"/>
    <mergeCell ref="B127:C127"/>
    <mergeCell ref="B128:C128"/>
    <mergeCell ref="B129:C129"/>
    <mergeCell ref="A122:E122"/>
    <mergeCell ref="B123:E123"/>
    <mergeCell ref="B124:E124"/>
    <mergeCell ref="A1:E1"/>
    <mergeCell ref="A13:C13"/>
    <mergeCell ref="A24:B24"/>
    <mergeCell ref="A27:B27"/>
    <mergeCell ref="A82:B83"/>
    <mergeCell ref="C82:E82"/>
    <mergeCell ref="D83:E83"/>
    <mergeCell ref="D50:E50"/>
    <mergeCell ref="D51:E51"/>
    <mergeCell ref="D52:E52"/>
    <mergeCell ref="A80:E80"/>
    <mergeCell ref="A36:E36"/>
    <mergeCell ref="D59:E59"/>
    <mergeCell ref="D56:E56"/>
    <mergeCell ref="A18:C18"/>
    <mergeCell ref="D57:E57"/>
    <mergeCell ref="A2:E2"/>
    <mergeCell ref="D53:E53"/>
    <mergeCell ref="D54:E54"/>
    <mergeCell ref="D55:E55"/>
    <mergeCell ref="D58:E58"/>
    <mergeCell ref="A19:E19"/>
    <mergeCell ref="A20:E20"/>
    <mergeCell ref="A21:C21"/>
    <mergeCell ref="F113:F120"/>
    <mergeCell ref="A3:E3"/>
    <mergeCell ref="A7:E7"/>
    <mergeCell ref="A8:E8"/>
    <mergeCell ref="A9:E9"/>
    <mergeCell ref="A11:E11"/>
    <mergeCell ref="A14:C14"/>
    <mergeCell ref="A38:B39"/>
    <mergeCell ref="C38:E38"/>
    <mergeCell ref="D39:E39"/>
    <mergeCell ref="A23:E23"/>
    <mergeCell ref="B28:C28"/>
    <mergeCell ref="B30:C30"/>
    <mergeCell ref="A32:B32"/>
    <mergeCell ref="A17:C17"/>
    <mergeCell ref="F85:F91"/>
    <mergeCell ref="D97:E97"/>
    <mergeCell ref="D84:E84"/>
    <mergeCell ref="D85:E85"/>
    <mergeCell ref="A22:E22"/>
    <mergeCell ref="D41:E41"/>
    <mergeCell ref="A40:B40"/>
    <mergeCell ref="A12:C12"/>
    <mergeCell ref="B29:C29"/>
  </mergeCells>
  <conditionalFormatting sqref="B126:C129 C41:C55 C58:C59">
    <cfRule type="containsBlanks" dxfId="15" priority="33">
      <formula>LEN(TRIM(B41))=0</formula>
    </cfRule>
  </conditionalFormatting>
  <conditionalFormatting sqref="D137:E137">
    <cfRule type="containsBlanks" dxfId="14" priority="32">
      <formula>LEN(TRIM(D137))=0</formula>
    </cfRule>
  </conditionalFormatting>
  <conditionalFormatting sqref="D138:E138">
    <cfRule type="containsBlanks" dxfId="13" priority="31">
      <formula>LEN(TRIM(D138))=0</formula>
    </cfRule>
  </conditionalFormatting>
  <conditionalFormatting sqref="C117">
    <cfRule type="containsBlanks" dxfId="12" priority="22">
      <formula>LEN(TRIM(C117))=0</formula>
    </cfRule>
  </conditionalFormatting>
  <conditionalFormatting sqref="C118">
    <cfRule type="containsBlanks" dxfId="11" priority="21">
      <formula>LEN(TRIM(C118))=0</formula>
    </cfRule>
  </conditionalFormatting>
  <conditionalFormatting sqref="B135">
    <cfRule type="containsBlanks" dxfId="10" priority="12">
      <formula>LEN(TRIM(B135))=0</formula>
    </cfRule>
  </conditionalFormatting>
  <conditionalFormatting sqref="B4">
    <cfRule type="containsBlanks" dxfId="9" priority="14">
      <formula>LEN(TRIM(B4))=0</formula>
    </cfRule>
  </conditionalFormatting>
  <conditionalFormatting sqref="B5">
    <cfRule type="containsBlanks" dxfId="8" priority="13">
      <formula>LEN(TRIM(B5))=0</formula>
    </cfRule>
  </conditionalFormatting>
  <conditionalFormatting sqref="B136">
    <cfRule type="containsBlanks" dxfId="7" priority="11">
      <formula>LEN(TRIM(B136))=0</formula>
    </cfRule>
  </conditionalFormatting>
  <conditionalFormatting sqref="C84:C110">
    <cfRule type="containsBlanks" dxfId="6" priority="7">
      <formula>LEN(TRIM(C84))=0</formula>
    </cfRule>
  </conditionalFormatting>
  <conditionalFormatting sqref="C111">
    <cfRule type="containsBlanks" dxfId="5" priority="6">
      <formula>LEN(TRIM(C111))=0</formula>
    </cfRule>
  </conditionalFormatting>
  <conditionalFormatting sqref="C56:C57">
    <cfRule type="containsBlanks" dxfId="4" priority="5">
      <formula>LEN(TRIM(C56))=0</formula>
    </cfRule>
  </conditionalFormatting>
  <conditionalFormatting sqref="C61:C75 C78">
    <cfRule type="containsBlanks" dxfId="3" priority="4">
      <formula>LEN(TRIM(C61))=0</formula>
    </cfRule>
  </conditionalFormatting>
  <conditionalFormatting sqref="C76:C77">
    <cfRule type="containsBlanks" dxfId="2" priority="3">
      <formula>LEN(TRIM(C76))=0</formula>
    </cfRule>
  </conditionalFormatting>
  <conditionalFormatting sqref="C119">
    <cfRule type="containsBlanks" dxfId="1" priority="2">
      <formula>LEN(TRIM(C119))=0</formula>
    </cfRule>
  </conditionalFormatting>
  <conditionalFormatting sqref="C120">
    <cfRule type="containsBlanks" dxfId="0" priority="1">
      <formula>LEN(TRIM(C120))=0</formula>
    </cfRule>
  </conditionalFormatting>
  <pageMargins left="0.7" right="0.7" top="0.97499999999999998" bottom="0.75" header="0.3" footer="0.3"/>
  <pageSetup paperSize="9" scale="48" fitToHeight="0" orientation="portrait" r:id="rId1"/>
  <headerFooter>
    <oddHeader>&amp;C&amp;"Arial,Normálne"&amp;16CENOVÁ PONUKA&amp;14
pre účel
prípravnej trhovej konzultácia a predbežného zapojenia záujemcov alebo uchádzačov (ďalej aj "PTK")</oddHeader>
    <oddFooter>&amp;CStrana &amp;P z &amp;N</oddFooter>
  </headerFooter>
  <rowBreaks count="1" manualBreakCount="1">
    <brk id="112" max="8" man="1"/>
  </rowBreaks>
  <drawing r:id="rId2"/>
  <legacyDrawing r:id="rId3"/>
  <mc:AlternateContent xmlns:mc="http://schemas.openxmlformats.org/markup-compatibility/2006">
    <mc:Choice Requires="x14">
      <controls>
        <mc:AlternateContent xmlns:mc="http://schemas.openxmlformats.org/markup-compatibility/2006">
          <mc:Choice Requires="x14">
            <control shapeId="8195" r:id="rId4" name="Check Box 3">
              <controlPr defaultSize="0" autoFill="0" autoLine="0" autoPict="0">
                <anchor moveWithCells="1">
                  <from>
                    <xdr:col>0</xdr:col>
                    <xdr:colOff>276225</xdr:colOff>
                    <xdr:row>24</xdr:row>
                    <xdr:rowOff>28575</xdr:rowOff>
                  </from>
                  <to>
                    <xdr:col>0</xdr:col>
                    <xdr:colOff>533400</xdr:colOff>
                    <xdr:row>25</xdr:row>
                    <xdr:rowOff>0</xdr:rowOff>
                  </to>
                </anchor>
              </controlPr>
            </control>
          </mc:Choice>
        </mc:AlternateContent>
        <mc:AlternateContent xmlns:mc="http://schemas.openxmlformats.org/markup-compatibility/2006">
          <mc:Choice Requires="x14">
            <control shapeId="8196" r:id="rId5" name="Check Box 4">
              <controlPr defaultSize="0" autoFill="0" autoLine="0" autoPict="0">
                <anchor moveWithCells="1">
                  <from>
                    <xdr:col>0</xdr:col>
                    <xdr:colOff>276225</xdr:colOff>
                    <xdr:row>25</xdr:row>
                    <xdr:rowOff>28575</xdr:rowOff>
                  </from>
                  <to>
                    <xdr:col>0</xdr:col>
                    <xdr:colOff>542925</xdr:colOff>
                    <xdr:row>26</xdr:row>
                    <xdr:rowOff>0</xdr:rowOff>
                  </to>
                </anchor>
              </controlPr>
            </control>
          </mc:Choice>
        </mc:AlternateContent>
        <mc:AlternateContent xmlns:mc="http://schemas.openxmlformats.org/markup-compatibility/2006">
          <mc:Choice Requires="x14">
            <control shapeId="8197" r:id="rId6" name="Check Box 5">
              <controlPr defaultSize="0" autoFill="0" autoLine="0" autoPict="0">
                <anchor moveWithCells="1">
                  <from>
                    <xdr:col>0</xdr:col>
                    <xdr:colOff>276225</xdr:colOff>
                    <xdr:row>32</xdr:row>
                    <xdr:rowOff>38100</xdr:rowOff>
                  </from>
                  <to>
                    <xdr:col>0</xdr:col>
                    <xdr:colOff>533400</xdr:colOff>
                    <xdr:row>33</xdr:row>
                    <xdr:rowOff>0</xdr:rowOff>
                  </to>
                </anchor>
              </controlPr>
            </control>
          </mc:Choice>
        </mc:AlternateContent>
        <mc:AlternateContent xmlns:mc="http://schemas.openxmlformats.org/markup-compatibility/2006">
          <mc:Choice Requires="x14">
            <control shapeId="8198" r:id="rId7" name="Check Box 6">
              <controlPr defaultSize="0" autoFill="0" autoLine="0" autoPict="0">
                <anchor moveWithCells="1">
                  <from>
                    <xdr:col>0</xdr:col>
                    <xdr:colOff>266700</xdr:colOff>
                    <xdr:row>33</xdr:row>
                    <xdr:rowOff>0</xdr:rowOff>
                  </from>
                  <to>
                    <xdr:col>0</xdr:col>
                    <xdr:colOff>523875</xdr:colOff>
                    <xdr:row>33</xdr:row>
                    <xdr:rowOff>219075</xdr:rowOff>
                  </to>
                </anchor>
              </controlPr>
            </control>
          </mc:Choice>
        </mc:AlternateContent>
      </controls>
    </mc:Choice>
  </mc:AlternateContent>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Hárky</vt:lpstr>
      </vt:variant>
      <vt:variant>
        <vt:i4>1</vt:i4>
      </vt:variant>
      <vt:variant>
        <vt:lpstr>Pomenované rozsahy</vt:lpstr>
      </vt:variant>
      <vt:variant>
        <vt:i4>1</vt:i4>
      </vt:variant>
    </vt:vector>
  </HeadingPairs>
  <TitlesOfParts>
    <vt:vector size="2" baseType="lpstr">
      <vt:lpstr>Cenová ponuka</vt:lpstr>
      <vt:lpstr>'Cenová ponuka'!Oblasť_tlače</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Ing. Zuzana Bučeková</dc:creator>
  <cp:lastModifiedBy>Mgr. Jana Maticová</cp:lastModifiedBy>
  <cp:lastPrinted>2021-05-20T08:07:36Z</cp:lastPrinted>
  <dcterms:created xsi:type="dcterms:W3CDTF">2017-04-21T05:51:15Z</dcterms:created>
  <dcterms:modified xsi:type="dcterms:W3CDTF">2021-11-04T09:47:27Z</dcterms:modified>
</cp:coreProperties>
</file>